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drawings/drawing2.xml" ContentType="application/vnd.openxmlformats-officedocument.drawing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605\02_融資G\R07\07_要綱等改正\21_2026.04.01改正\×05_様式集\"/>
    </mc:Choice>
  </mc:AlternateContent>
  <xr:revisionPtr revIDLastSave="0" documentId="13_ncr:1_{F814AC49-E050-47A0-BD56-FEAFC2546E70}" xr6:coauthVersionLast="47" xr6:coauthVersionMax="47" xr10:uidLastSave="{00000000-0000-0000-0000-000000000000}"/>
  <bookViews>
    <workbookView xWindow="-120" yWindow="-16320" windowWidth="29040" windowHeight="15720" xr2:uid="{00000000-000D-0000-FFFF-FFFF00000000}"/>
  </bookViews>
  <sheets>
    <sheet name="様式14-2事業計画 (ポスト)" sheetId="1" r:id="rId1"/>
    <sheet name="様式14-2数値計画 (ポスト)" sheetId="2" r:id="rId2"/>
  </sheets>
  <definedNames>
    <definedName name="_xlnm.Print_Area" localSheetId="0">'様式14-2事業計画 (ポスト)'!$A$1:$AB$52</definedName>
    <definedName name="_xlnm.Print_Area" localSheetId="1">'様式14-2数値計画 (ポスト)'!$A$1:$R$4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Q23" i="2" l="1"/>
  <c r="O23" i="2"/>
  <c r="M23" i="2"/>
  <c r="K23" i="2"/>
  <c r="I23" i="2"/>
</calcChain>
</file>

<file path=xl/sharedStrings.xml><?xml version="1.0" encoding="utf-8"?>
<sst xmlns="http://schemas.openxmlformats.org/spreadsheetml/2006/main" count="95" uniqueCount="77">
  <si>
    <r>
      <t xml:space="preserve">事業計画書（事業承継後）
</t>
    </r>
    <r>
      <rPr>
        <b/>
        <sz val="11"/>
        <color theme="1"/>
        <rFont val="ＭＳ Ｐゴシック"/>
        <family val="3"/>
        <charset val="128"/>
      </rPr>
      <t>(事業承継特別保証を除く)</t>
    </r>
    <rPh sb="0" eb="2">
      <t>ジギョウ</t>
    </rPh>
    <rPh sb="2" eb="4">
      <t>ケイカク</t>
    </rPh>
    <rPh sb="4" eb="5">
      <t>ショ</t>
    </rPh>
    <rPh sb="6" eb="8">
      <t>ジギョウ</t>
    </rPh>
    <rPh sb="8" eb="10">
      <t>ショウケイ</t>
    </rPh>
    <rPh sb="10" eb="11">
      <t>ゴ</t>
    </rPh>
    <phoneticPr fontId="7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　神奈川県信用保証協会会長　殿</t>
    <rPh sb="1" eb="5">
      <t>カナガワケン</t>
    </rPh>
    <rPh sb="5" eb="7">
      <t>シンヨウ</t>
    </rPh>
    <rPh sb="7" eb="9">
      <t>ホショウ</t>
    </rPh>
    <rPh sb="9" eb="11">
      <t>キョウカイ</t>
    </rPh>
    <rPh sb="11" eb="13">
      <t>カイチョウ</t>
    </rPh>
    <rPh sb="14" eb="15">
      <t>ドノ</t>
    </rPh>
    <phoneticPr fontId="3"/>
  </si>
  <si>
    <t>法人名又は商号</t>
    <rPh sb="0" eb="2">
      <t>ホウジン</t>
    </rPh>
    <rPh sb="2" eb="3">
      <t>メイ</t>
    </rPh>
    <rPh sb="3" eb="4">
      <t>マタ</t>
    </rPh>
    <rPh sb="5" eb="7">
      <t>ショウゴウ</t>
    </rPh>
    <phoneticPr fontId="3"/>
  </si>
  <si>
    <t>氏名又は代表者名</t>
    <rPh sb="0" eb="2">
      <t>シメイ</t>
    </rPh>
    <rPh sb="2" eb="3">
      <t>マタ</t>
    </rPh>
    <rPh sb="4" eb="6">
      <t>ダイヒョウ</t>
    </rPh>
    <rPh sb="6" eb="7">
      <t>シャ</t>
    </rPh>
    <rPh sb="7" eb="8">
      <t>メイ</t>
    </rPh>
    <phoneticPr fontId="3"/>
  </si>
  <si>
    <t>所在地</t>
    <rPh sb="0" eb="2">
      <t>ショザイ</t>
    </rPh>
    <rPh sb="2" eb="3">
      <t>チ</t>
    </rPh>
    <phoneticPr fontId="3"/>
  </si>
  <si>
    <t>事業承継関連融資（ポスト事業承継（承継後）)の申込のため、次のとおり事業計画書を提出します。</t>
    <rPh sb="0" eb="2">
      <t>ジギョウ</t>
    </rPh>
    <rPh sb="2" eb="4">
      <t>ショウケイ</t>
    </rPh>
    <rPh sb="4" eb="6">
      <t>カンレン</t>
    </rPh>
    <rPh sb="6" eb="8">
      <t>ユウシ</t>
    </rPh>
    <rPh sb="17" eb="19">
      <t>ショウケイ</t>
    </rPh>
    <rPh sb="19" eb="20">
      <t>ゴ</t>
    </rPh>
    <phoneticPr fontId="3"/>
  </si>
  <si>
    <t>1．事業承継後の企業及び事業承継の概要</t>
    <rPh sb="2" eb="4">
      <t>ジギョウ</t>
    </rPh>
    <rPh sb="4" eb="6">
      <t>ショウケイ</t>
    </rPh>
    <rPh sb="6" eb="7">
      <t>ゴ</t>
    </rPh>
    <rPh sb="8" eb="10">
      <t>キギョウ</t>
    </rPh>
    <rPh sb="10" eb="11">
      <t>オヨ</t>
    </rPh>
    <rPh sb="12" eb="14">
      <t>ジギョウ</t>
    </rPh>
    <rPh sb="14" eb="16">
      <t>ショウケイ</t>
    </rPh>
    <rPh sb="17" eb="19">
      <t>ガイヨウ</t>
    </rPh>
    <phoneticPr fontId="7"/>
  </si>
  <si>
    <t>資本金</t>
    <rPh sb="0" eb="3">
      <t>シホンキン</t>
    </rPh>
    <phoneticPr fontId="7"/>
  </si>
  <si>
    <t>万円</t>
    <rPh sb="0" eb="2">
      <t>マンエン</t>
    </rPh>
    <phoneticPr fontId="3"/>
  </si>
  <si>
    <t>従業員数</t>
    <rPh sb="0" eb="3">
      <t>ジュウギョウイン</t>
    </rPh>
    <rPh sb="3" eb="4">
      <t>スウ</t>
    </rPh>
    <phoneticPr fontId="3"/>
  </si>
  <si>
    <t>人</t>
    <rPh sb="0" eb="1">
      <t>ニン</t>
    </rPh>
    <phoneticPr fontId="3"/>
  </si>
  <si>
    <t>事業承継
年月日</t>
    <rPh sb="0" eb="2">
      <t>ジギョウ</t>
    </rPh>
    <rPh sb="2" eb="4">
      <t>ショウケイ</t>
    </rPh>
    <rPh sb="5" eb="8">
      <t>ネンガッピ</t>
    </rPh>
    <phoneticPr fontId="3"/>
  </si>
  <si>
    <t>個人・
法人</t>
    <rPh sb="0" eb="2">
      <t>コジン</t>
    </rPh>
    <rPh sb="4" eb="6">
      <t>ホウジン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業種</t>
    <rPh sb="0" eb="2">
      <t>ギョウシュ</t>
    </rPh>
    <phoneticPr fontId="3"/>
  </si>
  <si>
    <t>代表者</t>
    <rPh sb="0" eb="3">
      <t>ダイヒョウシャ</t>
    </rPh>
    <phoneticPr fontId="7"/>
  </si>
  <si>
    <t>（</t>
    <phoneticPr fontId="7"/>
  </si>
  <si>
    <t>歳）</t>
    <rPh sb="0" eb="1">
      <t>サイ</t>
    </rPh>
    <phoneticPr fontId="7"/>
  </si>
  <si>
    <t>前代表者
との続柄：</t>
    <rPh sb="0" eb="1">
      <t>ゼン</t>
    </rPh>
    <rPh sb="1" eb="4">
      <t>ダイヒョウシャ</t>
    </rPh>
    <rPh sb="7" eb="9">
      <t>ゾクガラ</t>
    </rPh>
    <phoneticPr fontId="7"/>
  </si>
  <si>
    <t>承継区分</t>
    <rPh sb="0" eb="2">
      <t>ショウケイ</t>
    </rPh>
    <rPh sb="2" eb="4">
      <t>クブン</t>
    </rPh>
    <phoneticPr fontId="7"/>
  </si>
  <si>
    <t>親族内承継</t>
    <rPh sb="0" eb="2">
      <t>シンゾク</t>
    </rPh>
    <rPh sb="2" eb="3">
      <t>ナイ</t>
    </rPh>
    <rPh sb="3" eb="5">
      <t>ショウケイ</t>
    </rPh>
    <phoneticPr fontId="3"/>
  </si>
  <si>
    <t>従業員承継</t>
    <rPh sb="0" eb="3">
      <t>ジュウギョウイン</t>
    </rPh>
    <rPh sb="3" eb="5">
      <t>ショウケイ</t>
    </rPh>
    <phoneticPr fontId="3"/>
  </si>
  <si>
    <t>第三者承継</t>
    <rPh sb="0" eb="1">
      <t>ダイ</t>
    </rPh>
    <rPh sb="1" eb="3">
      <t>サンシャ</t>
    </rPh>
    <rPh sb="3" eb="5">
      <t>ショウケイ</t>
    </rPh>
    <phoneticPr fontId="3"/>
  </si>
  <si>
    <t>事業の方向性
（経営ビジョン）</t>
    <rPh sb="0" eb="2">
      <t>ジギョウ</t>
    </rPh>
    <rPh sb="3" eb="6">
      <t>ホウコウセイ</t>
    </rPh>
    <rPh sb="8" eb="10">
      <t>ケイエイ</t>
    </rPh>
    <phoneticPr fontId="7"/>
  </si>
  <si>
    <t>※　事業承継年月日とは、個人事業の場合は税務官署に提出した「個人事業開業届書」の開業日、会社等法人の場合は登記事項証明書上の現在の代表者の就任日。</t>
    <rPh sb="2" eb="4">
      <t>ジギョウ</t>
    </rPh>
    <rPh sb="4" eb="6">
      <t>ショウケイ</t>
    </rPh>
    <rPh sb="6" eb="9">
      <t>ネンガッピ</t>
    </rPh>
    <rPh sb="12" eb="14">
      <t>コジン</t>
    </rPh>
    <rPh sb="14" eb="16">
      <t>ジギョウ</t>
    </rPh>
    <rPh sb="17" eb="19">
      <t>バアイ</t>
    </rPh>
    <rPh sb="20" eb="22">
      <t>ゼイム</t>
    </rPh>
    <rPh sb="22" eb="23">
      <t>カン</t>
    </rPh>
    <rPh sb="25" eb="27">
      <t>テイシュツ</t>
    </rPh>
    <rPh sb="30" eb="32">
      <t>コジン</t>
    </rPh>
    <rPh sb="32" eb="34">
      <t>ジギョウ</t>
    </rPh>
    <rPh sb="34" eb="36">
      <t>カイギョウ</t>
    </rPh>
    <rPh sb="36" eb="37">
      <t>トド</t>
    </rPh>
    <rPh sb="37" eb="38">
      <t>ショ</t>
    </rPh>
    <rPh sb="40" eb="43">
      <t>カイギョウビ</t>
    </rPh>
    <rPh sb="44" eb="47">
      <t>カイシャトウ</t>
    </rPh>
    <rPh sb="47" eb="49">
      <t>ホウジン</t>
    </rPh>
    <rPh sb="50" eb="52">
      <t>バアイ</t>
    </rPh>
    <rPh sb="53" eb="55">
      <t>トウキ</t>
    </rPh>
    <rPh sb="55" eb="57">
      <t>ジコウ</t>
    </rPh>
    <rPh sb="57" eb="60">
      <t>ショウメイショ</t>
    </rPh>
    <rPh sb="60" eb="61">
      <t>ジョウ</t>
    </rPh>
    <rPh sb="62" eb="64">
      <t>ゲンザイ</t>
    </rPh>
    <rPh sb="65" eb="68">
      <t>ダイヒョウシャ</t>
    </rPh>
    <rPh sb="69" eb="71">
      <t>シュウニン</t>
    </rPh>
    <rPh sb="71" eb="72">
      <t>ヒ</t>
    </rPh>
    <phoneticPr fontId="3"/>
  </si>
  <si>
    <t>2．事業承継時の経緯及び現在(承継後）の課題</t>
    <rPh sb="2" eb="4">
      <t>ジギョウ</t>
    </rPh>
    <rPh sb="4" eb="6">
      <t>ショウケイ</t>
    </rPh>
    <rPh sb="6" eb="7">
      <t>ジ</t>
    </rPh>
    <rPh sb="8" eb="10">
      <t>ケイイ</t>
    </rPh>
    <rPh sb="10" eb="11">
      <t>オヨ</t>
    </rPh>
    <rPh sb="12" eb="14">
      <t>ゲンザイ</t>
    </rPh>
    <rPh sb="15" eb="17">
      <t>ショウケイ</t>
    </rPh>
    <rPh sb="17" eb="18">
      <t>ゴ</t>
    </rPh>
    <rPh sb="20" eb="22">
      <t>カダイ</t>
    </rPh>
    <phoneticPr fontId="7"/>
  </si>
  <si>
    <t>（1）事業承継に至った経緯</t>
    <rPh sb="3" eb="5">
      <t>ジギョウ</t>
    </rPh>
    <rPh sb="5" eb="7">
      <t>ショウケイ</t>
    </rPh>
    <rPh sb="8" eb="9">
      <t>イタ</t>
    </rPh>
    <rPh sb="11" eb="13">
      <t>ケイイ</t>
    </rPh>
    <phoneticPr fontId="7"/>
  </si>
  <si>
    <t>（２）事業承継後の事業内容や取引先等の変化</t>
    <rPh sb="3" eb="5">
      <t>ジギョウ</t>
    </rPh>
    <rPh sb="5" eb="7">
      <t>ショウケイ</t>
    </rPh>
    <rPh sb="7" eb="8">
      <t>ゴ</t>
    </rPh>
    <rPh sb="9" eb="11">
      <t>ジギョウ</t>
    </rPh>
    <rPh sb="11" eb="13">
      <t>ナイヨウ</t>
    </rPh>
    <rPh sb="14" eb="16">
      <t>トリヒキ</t>
    </rPh>
    <rPh sb="16" eb="17">
      <t>サキ</t>
    </rPh>
    <rPh sb="17" eb="18">
      <t>トウ</t>
    </rPh>
    <rPh sb="19" eb="21">
      <t>ヘンカ</t>
    </rPh>
    <phoneticPr fontId="7"/>
  </si>
  <si>
    <t>（3）承継後の経営状況（現状の課題）</t>
    <rPh sb="3" eb="5">
      <t>ショウケイ</t>
    </rPh>
    <rPh sb="5" eb="6">
      <t>ゴ</t>
    </rPh>
    <rPh sb="7" eb="9">
      <t>ケイエイ</t>
    </rPh>
    <rPh sb="9" eb="11">
      <t>ジョウキョウ</t>
    </rPh>
    <rPh sb="12" eb="14">
      <t>ゲンジョウ</t>
    </rPh>
    <rPh sb="15" eb="17">
      <t>カダイ</t>
    </rPh>
    <phoneticPr fontId="7"/>
  </si>
  <si>
    <t>（4）承継後の経営の安定や事業拡大に向けたアクションプラン（業績安定ための具体策や新たな資金需要等）</t>
    <rPh sb="3" eb="5">
      <t>ショウケイ</t>
    </rPh>
    <rPh sb="5" eb="6">
      <t>ゴ</t>
    </rPh>
    <rPh sb="7" eb="9">
      <t>ケイエイ</t>
    </rPh>
    <rPh sb="10" eb="12">
      <t>アンテイ</t>
    </rPh>
    <rPh sb="13" eb="15">
      <t>ジギョウ</t>
    </rPh>
    <rPh sb="15" eb="17">
      <t>カクダイ</t>
    </rPh>
    <rPh sb="18" eb="19">
      <t>ム</t>
    </rPh>
    <rPh sb="30" eb="32">
      <t>ギョウセキ</t>
    </rPh>
    <rPh sb="32" eb="34">
      <t>アンテイ</t>
    </rPh>
    <rPh sb="37" eb="39">
      <t>グタイ</t>
    </rPh>
    <rPh sb="39" eb="40">
      <t>サク</t>
    </rPh>
    <rPh sb="41" eb="42">
      <t>アラ</t>
    </rPh>
    <rPh sb="44" eb="46">
      <t>シキン</t>
    </rPh>
    <rPh sb="46" eb="48">
      <t>ジュヨウ</t>
    </rPh>
    <rPh sb="48" eb="49">
      <t>トウ</t>
    </rPh>
    <phoneticPr fontId="7"/>
  </si>
  <si>
    <t>3．業績推移と今後の損益計画</t>
    <rPh sb="2" eb="4">
      <t>ギョウセキ</t>
    </rPh>
    <rPh sb="4" eb="6">
      <t>スイイ</t>
    </rPh>
    <rPh sb="7" eb="9">
      <t>コンゴ</t>
    </rPh>
    <rPh sb="10" eb="12">
      <t>ソンエキ</t>
    </rPh>
    <rPh sb="12" eb="14">
      <t>ケイカク</t>
    </rPh>
    <phoneticPr fontId="7"/>
  </si>
  <si>
    <t>（単位：千円、％）</t>
    <rPh sb="1" eb="3">
      <t>タンイ</t>
    </rPh>
    <rPh sb="4" eb="6">
      <t>センエン</t>
    </rPh>
    <phoneticPr fontId="7"/>
  </si>
  <si>
    <r>
      <t>前期実績</t>
    </r>
    <r>
      <rPr>
        <sz val="12"/>
        <color indexed="8"/>
        <rFont val="ＭＳ Ｐゴシック"/>
        <family val="3"/>
        <charset val="128"/>
      </rPr>
      <t/>
    </r>
    <rPh sb="0" eb="2">
      <t>ゼンキ</t>
    </rPh>
    <rPh sb="2" eb="4">
      <t>ジッセキ</t>
    </rPh>
    <phoneticPr fontId="7"/>
  </si>
  <si>
    <t>今期見込み</t>
    <rPh sb="0" eb="2">
      <t>コンキ</t>
    </rPh>
    <rPh sb="2" eb="4">
      <t>ミコ</t>
    </rPh>
    <phoneticPr fontId="7"/>
  </si>
  <si>
    <t>計画１期目</t>
    <rPh sb="0" eb="2">
      <t>ケイカク</t>
    </rPh>
    <rPh sb="3" eb="5">
      <t>キメ</t>
    </rPh>
    <phoneticPr fontId="7"/>
  </si>
  <si>
    <t>計画２期目</t>
    <rPh sb="0" eb="2">
      <t>ケイカク</t>
    </rPh>
    <rPh sb="3" eb="5">
      <t>キメ</t>
    </rPh>
    <phoneticPr fontId="7"/>
  </si>
  <si>
    <r>
      <t>計画３期目</t>
    </r>
    <r>
      <rPr>
        <sz val="12"/>
        <color indexed="8"/>
        <rFont val="ＭＳ Ｐゴシック"/>
        <family val="3"/>
        <charset val="128"/>
      </rPr>
      <t/>
    </r>
    <rPh sb="0" eb="2">
      <t>ケイカク</t>
    </rPh>
    <rPh sb="3" eb="5">
      <t>キメ</t>
    </rPh>
    <phoneticPr fontId="7"/>
  </si>
  <si>
    <t>　／　期</t>
    <rPh sb="3" eb="4">
      <t>キ</t>
    </rPh>
    <phoneticPr fontId="7"/>
  </si>
  <si>
    <t>比率</t>
    <rPh sb="0" eb="2">
      <t>ヒリツ</t>
    </rPh>
    <phoneticPr fontId="7"/>
  </si>
  <si>
    <t>売上高</t>
    <rPh sb="0" eb="2">
      <t>ウリア</t>
    </rPh>
    <rPh sb="2" eb="3">
      <t>ダカ</t>
    </rPh>
    <phoneticPr fontId="7"/>
  </si>
  <si>
    <t>売上原価</t>
    <rPh sb="0" eb="2">
      <t>ウリア</t>
    </rPh>
    <rPh sb="2" eb="4">
      <t>ゲンカ</t>
    </rPh>
    <phoneticPr fontId="7"/>
  </si>
  <si>
    <t xml:space="preserve"> （減価償却費）</t>
    <rPh sb="2" eb="4">
      <t>ゲンカ</t>
    </rPh>
    <rPh sb="4" eb="6">
      <t>ショウキャク</t>
    </rPh>
    <rPh sb="6" eb="7">
      <t>ヒ</t>
    </rPh>
    <phoneticPr fontId="7"/>
  </si>
  <si>
    <t>売上総利益</t>
    <rPh sb="0" eb="2">
      <t>ウリア</t>
    </rPh>
    <rPh sb="2" eb="5">
      <t>ソウリエキ</t>
    </rPh>
    <phoneticPr fontId="7"/>
  </si>
  <si>
    <t>販売管理費</t>
    <rPh sb="0" eb="2">
      <t>ハンバイ</t>
    </rPh>
    <rPh sb="2" eb="5">
      <t>カンリヒ</t>
    </rPh>
    <phoneticPr fontId="7"/>
  </si>
  <si>
    <t>営業利益</t>
    <rPh sb="0" eb="2">
      <t>エイギョウ</t>
    </rPh>
    <rPh sb="2" eb="4">
      <t>リエキ</t>
    </rPh>
    <phoneticPr fontId="7"/>
  </si>
  <si>
    <t>営業外収益</t>
    <rPh sb="0" eb="3">
      <t>エイギョウガイ</t>
    </rPh>
    <rPh sb="3" eb="5">
      <t>シュウエキ</t>
    </rPh>
    <phoneticPr fontId="7"/>
  </si>
  <si>
    <t>営業外費用</t>
    <rPh sb="0" eb="3">
      <t>エイギョウガイ</t>
    </rPh>
    <rPh sb="3" eb="5">
      <t>ヒヨウ</t>
    </rPh>
    <phoneticPr fontId="3"/>
  </si>
  <si>
    <t xml:space="preserve"> （支払利息・手形売却損）</t>
    <rPh sb="2" eb="4">
      <t>シハラ</t>
    </rPh>
    <rPh sb="4" eb="6">
      <t>リソク</t>
    </rPh>
    <rPh sb="7" eb="9">
      <t>テガタ</t>
    </rPh>
    <rPh sb="9" eb="11">
      <t>バイキャク</t>
    </rPh>
    <rPh sb="11" eb="12">
      <t>ソン</t>
    </rPh>
    <phoneticPr fontId="7"/>
  </si>
  <si>
    <t>経常利益</t>
    <rPh sb="0" eb="2">
      <t>ケイジョウ</t>
    </rPh>
    <rPh sb="2" eb="4">
      <t>リエキ</t>
    </rPh>
    <phoneticPr fontId="7"/>
  </si>
  <si>
    <t>特別損益</t>
    <rPh sb="0" eb="2">
      <t>トクベツ</t>
    </rPh>
    <rPh sb="2" eb="4">
      <t>ソンエキ</t>
    </rPh>
    <phoneticPr fontId="7"/>
  </si>
  <si>
    <t>法人税等</t>
    <rPh sb="0" eb="3">
      <t>ホウジンゼイ</t>
    </rPh>
    <rPh sb="3" eb="4">
      <t>トウ</t>
    </rPh>
    <phoneticPr fontId="7"/>
  </si>
  <si>
    <t>当期利益</t>
    <rPh sb="0" eb="2">
      <t>トウキ</t>
    </rPh>
    <rPh sb="2" eb="4">
      <t>リエキ</t>
    </rPh>
    <phoneticPr fontId="7"/>
  </si>
  <si>
    <t>当期利益＋減価償却費</t>
    <rPh sb="0" eb="2">
      <t>トウキ</t>
    </rPh>
    <rPh sb="2" eb="4">
      <t>リエキ</t>
    </rPh>
    <rPh sb="5" eb="7">
      <t>ゲンカ</t>
    </rPh>
    <rPh sb="7" eb="10">
      <t>ショウキャクヒ</t>
    </rPh>
    <phoneticPr fontId="7"/>
  </si>
  <si>
    <t>4．借入金の期末残高推移 （役員、親族等からの借入金を除く）</t>
    <rPh sb="2" eb="5">
      <t>カリイレキン</t>
    </rPh>
    <rPh sb="6" eb="8">
      <t>キマツ</t>
    </rPh>
    <rPh sb="8" eb="9">
      <t>ザン</t>
    </rPh>
    <rPh sb="10" eb="12">
      <t>スイイ</t>
    </rPh>
    <rPh sb="14" eb="16">
      <t>ヤクイン</t>
    </rPh>
    <rPh sb="17" eb="19">
      <t>シンゾク</t>
    </rPh>
    <rPh sb="19" eb="20">
      <t>トウ</t>
    </rPh>
    <rPh sb="23" eb="24">
      <t>カ</t>
    </rPh>
    <rPh sb="24" eb="25">
      <t>イ</t>
    </rPh>
    <rPh sb="25" eb="26">
      <t>キン</t>
    </rPh>
    <rPh sb="27" eb="28">
      <t>ノゾ</t>
    </rPh>
    <phoneticPr fontId="7"/>
  </si>
  <si>
    <t>（単位：千円）</t>
    <rPh sb="1" eb="3">
      <t>タンイ</t>
    </rPh>
    <rPh sb="4" eb="6">
      <t>センエン</t>
    </rPh>
    <phoneticPr fontId="7"/>
  </si>
  <si>
    <t>借入先</t>
    <rPh sb="0" eb="2">
      <t>カリイレ</t>
    </rPh>
    <rPh sb="2" eb="3">
      <t>サキ</t>
    </rPh>
    <phoneticPr fontId="7"/>
  </si>
  <si>
    <t>計画３期目</t>
    <rPh sb="0" eb="2">
      <t>ケイカク</t>
    </rPh>
    <rPh sb="3" eb="5">
      <t>キメ</t>
    </rPh>
    <phoneticPr fontId="7"/>
  </si>
  <si>
    <t>合計</t>
    <rPh sb="0" eb="2">
      <t>ゴウケイ</t>
    </rPh>
    <phoneticPr fontId="7"/>
  </si>
  <si>
    <t>借入金増減額（前期比）</t>
    <rPh sb="0" eb="2">
      <t>カリイレ</t>
    </rPh>
    <rPh sb="2" eb="3">
      <t>カネ</t>
    </rPh>
    <rPh sb="3" eb="6">
      <t>ゾウゲンガク</t>
    </rPh>
    <rPh sb="7" eb="9">
      <t>ゼンキ</t>
    </rPh>
    <phoneticPr fontId="7"/>
  </si>
  <si>
    <r>
      <t>5．事業承継に起因する借入に関する説明</t>
    </r>
    <r>
      <rPr>
        <sz val="10"/>
        <color indexed="8"/>
        <rFont val="ＭＳ Ｐゴシック"/>
        <family val="3"/>
        <charset val="128"/>
      </rPr>
      <t>（同じ事由で、制度融資以外の資金計画がある場合は、全て記載）</t>
    </r>
    <rPh sb="2" eb="4">
      <t>ジギョウ</t>
    </rPh>
    <rPh sb="4" eb="6">
      <t>ショウケイ</t>
    </rPh>
    <rPh sb="7" eb="9">
      <t>キイン</t>
    </rPh>
    <rPh sb="11" eb="13">
      <t>カリイレ</t>
    </rPh>
    <rPh sb="14" eb="15">
      <t>カン</t>
    </rPh>
    <rPh sb="17" eb="19">
      <t>セツメイ</t>
    </rPh>
    <rPh sb="20" eb="21">
      <t>オナ</t>
    </rPh>
    <rPh sb="22" eb="24">
      <t>ジユウ</t>
    </rPh>
    <rPh sb="26" eb="28">
      <t>セイド</t>
    </rPh>
    <rPh sb="28" eb="30">
      <t>ユウシ</t>
    </rPh>
    <rPh sb="30" eb="32">
      <t>イガイ</t>
    </rPh>
    <rPh sb="33" eb="35">
      <t>シキン</t>
    </rPh>
    <rPh sb="35" eb="37">
      <t>ケイカク</t>
    </rPh>
    <rPh sb="40" eb="42">
      <t>バアイ</t>
    </rPh>
    <rPh sb="44" eb="45">
      <t>スベ</t>
    </rPh>
    <rPh sb="46" eb="48">
      <t>キサイ</t>
    </rPh>
    <phoneticPr fontId="7"/>
  </si>
  <si>
    <t>(1)資金計画</t>
    <rPh sb="3" eb="5">
      <t>シキン</t>
    </rPh>
    <rPh sb="5" eb="7">
      <t>ケイカク</t>
    </rPh>
    <phoneticPr fontId="3"/>
  </si>
  <si>
    <t>調達先</t>
    <rPh sb="0" eb="2">
      <t>チョウタツ</t>
    </rPh>
    <rPh sb="2" eb="3">
      <t>サキ</t>
    </rPh>
    <phoneticPr fontId="7"/>
  </si>
  <si>
    <t>金額（千円）</t>
    <rPh sb="0" eb="2">
      <t>キンガク</t>
    </rPh>
    <phoneticPr fontId="7"/>
  </si>
  <si>
    <t>返済期間</t>
    <rPh sb="0" eb="2">
      <t>ヘンサイ</t>
    </rPh>
    <rPh sb="2" eb="4">
      <t>キカン</t>
    </rPh>
    <phoneticPr fontId="7"/>
  </si>
  <si>
    <t>備考</t>
    <rPh sb="0" eb="2">
      <t>ビコウ</t>
    </rPh>
    <phoneticPr fontId="3"/>
  </si>
  <si>
    <t>本件申込分</t>
    <rPh sb="0" eb="2">
      <t>ホンケン</t>
    </rPh>
    <rPh sb="2" eb="4">
      <t>モウシコミ</t>
    </rPh>
    <rPh sb="4" eb="5">
      <t>ブン</t>
    </rPh>
    <phoneticPr fontId="3"/>
  </si>
  <si>
    <t>自己資金</t>
    <rPh sb="0" eb="2">
      <t>ジコ</t>
    </rPh>
    <rPh sb="2" eb="4">
      <t>シキン</t>
    </rPh>
    <phoneticPr fontId="3"/>
  </si>
  <si>
    <t>―</t>
    <phoneticPr fontId="3"/>
  </si>
  <si>
    <t>合計</t>
    <rPh sb="0" eb="2">
      <t>ゴウケイ</t>
    </rPh>
    <phoneticPr fontId="3"/>
  </si>
  <si>
    <t>(2)資金使途</t>
    <rPh sb="3" eb="7">
      <t>シキンシト</t>
    </rPh>
    <phoneticPr fontId="3"/>
  </si>
  <si>
    <t>（事業承継との関連性を中心に必要理由、資金使途、資金効果などを記載）</t>
    <rPh sb="1" eb="3">
      <t>ジギョウ</t>
    </rPh>
    <rPh sb="3" eb="5">
      <t>ショウケイ</t>
    </rPh>
    <rPh sb="7" eb="10">
      <t>カンレンセイ</t>
    </rPh>
    <rPh sb="11" eb="13">
      <t>チュウシン</t>
    </rPh>
    <phoneticPr fontId="7"/>
  </si>
  <si>
    <t>　取扱金融機関　　　　　　御中</t>
    <rPh sb="1" eb="3">
      <t>トリアツカ</t>
    </rPh>
    <rPh sb="3" eb="5">
      <t>キンユウ</t>
    </rPh>
    <rPh sb="5" eb="7">
      <t>キカン</t>
    </rPh>
    <rPh sb="13" eb="15">
      <t>オンチュウ</t>
    </rPh>
    <phoneticPr fontId="3"/>
  </si>
  <si>
    <t>　　 様式14-2　　　　　　　　　　　　　　　　　　　    　　　　　　（用紙　日本産業規格Ａ４縦長型）</t>
    <rPh sb="3" eb="5">
      <t>ヨウシキ</t>
    </rPh>
    <rPh sb="44" eb="46">
      <t>サンギ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[$-411]ggge&quot;年&quot;m&quot;月&quot;d&quot;日&quot;;@"/>
    <numFmt numFmtId="177" formatCode="#,##0.0;&quot;▲ &quot;#,##0.0"/>
    <numFmt numFmtId="178" formatCode="#,##0;&quot;▲ &quot;#,##0"/>
    <numFmt numFmtId="179" formatCode="#,##0;&quot;△ &quot;#,##0"/>
    <numFmt numFmtId="180" formatCode="0.0_ "/>
  </numFmts>
  <fonts count="21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  <font>
      <b/>
      <sz val="1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3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/>
      <right/>
      <top/>
      <bottom style="thin">
        <color theme="0"/>
      </bottom>
      <diagonal/>
    </border>
    <border>
      <left/>
      <right style="thin">
        <color theme="0"/>
      </right>
      <top/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/>
      <top/>
      <bottom style="thin">
        <color theme="0"/>
      </bottom>
      <diagonal/>
    </border>
    <border>
      <left style="thin">
        <color theme="0"/>
      </left>
      <right/>
      <top style="thin">
        <color theme="0"/>
      </top>
      <bottom style="thin">
        <color theme="0"/>
      </bottom>
      <diagonal/>
    </border>
    <border>
      <left/>
      <right/>
      <top style="thin">
        <color theme="0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23"/>
      </bottom>
      <diagonal/>
    </border>
    <border>
      <left/>
      <right/>
      <top style="thin">
        <color indexed="64"/>
      </top>
      <bottom style="thin">
        <color indexed="23"/>
      </bottom>
      <diagonal/>
    </border>
    <border>
      <left/>
      <right style="thin">
        <color indexed="23"/>
      </right>
      <top style="thin">
        <color indexed="64"/>
      </top>
      <bottom style="thin">
        <color indexed="23"/>
      </bottom>
      <diagonal/>
    </border>
    <border>
      <left style="thin">
        <color indexed="23"/>
      </left>
      <right/>
      <top style="thin">
        <color indexed="64"/>
      </top>
      <bottom style="thin">
        <color indexed="23"/>
      </bottom>
      <diagonal/>
    </border>
    <border>
      <left/>
      <right style="thin">
        <color indexed="64"/>
      </right>
      <top style="thin">
        <color indexed="64"/>
      </top>
      <bottom style="thin">
        <color indexed="23"/>
      </bottom>
      <diagonal/>
    </border>
    <border>
      <left style="thin">
        <color indexed="64"/>
      </left>
      <right/>
      <top style="thin">
        <color indexed="23"/>
      </top>
      <bottom style="thin">
        <color indexed="23"/>
      </bottom>
      <diagonal/>
    </border>
    <border>
      <left/>
      <right/>
      <top style="thin">
        <color indexed="23"/>
      </top>
      <bottom style="thin">
        <color indexed="23"/>
      </bottom>
      <diagonal/>
    </border>
    <border>
      <left/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23"/>
      </left>
      <right/>
      <top style="thin">
        <color indexed="23"/>
      </top>
      <bottom style="thin">
        <color indexed="23"/>
      </bottom>
      <diagonal/>
    </border>
    <border>
      <left/>
      <right style="thin">
        <color indexed="64"/>
      </right>
      <top style="thin">
        <color indexed="23"/>
      </top>
      <bottom style="thin">
        <color indexed="23"/>
      </bottom>
      <diagonal/>
    </border>
    <border>
      <left style="thin">
        <color indexed="64"/>
      </left>
      <right/>
      <top style="thin">
        <color indexed="23"/>
      </top>
      <bottom/>
      <diagonal/>
    </border>
    <border>
      <left/>
      <right/>
      <top style="thin">
        <color indexed="23"/>
      </top>
      <bottom/>
      <diagonal/>
    </border>
    <border>
      <left/>
      <right style="thin">
        <color indexed="23"/>
      </right>
      <top style="thin">
        <color indexed="23"/>
      </top>
      <bottom/>
      <diagonal/>
    </border>
    <border>
      <left style="thin">
        <color indexed="64"/>
      </left>
      <right/>
      <top style="thin">
        <color indexed="23"/>
      </top>
      <bottom style="thin">
        <color indexed="64"/>
      </bottom>
      <diagonal/>
    </border>
    <border>
      <left/>
      <right/>
      <top style="thin">
        <color indexed="23"/>
      </top>
      <bottom style="thin">
        <color indexed="64"/>
      </bottom>
      <diagonal/>
    </border>
    <border>
      <left/>
      <right style="thin">
        <color indexed="23"/>
      </right>
      <top style="thin">
        <color indexed="23"/>
      </top>
      <bottom style="thin">
        <color indexed="64"/>
      </bottom>
      <diagonal/>
    </border>
    <border>
      <left/>
      <right style="thin">
        <color indexed="64"/>
      </right>
      <top style="thin">
        <color indexed="23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1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38" fontId="15" fillId="0" borderId="0" applyFont="0" applyFill="0" applyBorder="0" applyAlignment="0" applyProtection="0">
      <alignment vertical="center"/>
    </xf>
  </cellStyleXfs>
  <cellXfs count="195">
    <xf numFmtId="0" fontId="0" fillId="0" borderId="0" xfId="0">
      <alignment vertical="center"/>
    </xf>
    <xf numFmtId="0" fontId="2" fillId="0" borderId="1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0" xfId="0" applyFont="1">
      <alignment vertical="center"/>
    </xf>
    <xf numFmtId="49" fontId="4" fillId="0" borderId="0" xfId="0" applyNumberFormat="1" applyFont="1" applyFill="1">
      <alignment vertical="center"/>
    </xf>
    <xf numFmtId="38" fontId="4" fillId="0" borderId="0" xfId="1" applyFont="1" applyFill="1">
      <alignment vertical="center"/>
    </xf>
    <xf numFmtId="49" fontId="4" fillId="0" borderId="0" xfId="0" applyNumberFormat="1" applyFont="1" applyFill="1" applyAlignment="1">
      <alignment horizontal="center" vertical="center"/>
    </xf>
    <xf numFmtId="0" fontId="4" fillId="0" borderId="0" xfId="0" applyFont="1" applyAlignment="1">
      <alignment horizontal="center" vertical="center"/>
    </xf>
    <xf numFmtId="49" fontId="8" fillId="0" borderId="0" xfId="0" applyNumberFormat="1" applyFont="1" applyFill="1" applyAlignment="1">
      <alignment vertical="center"/>
    </xf>
    <xf numFmtId="176" fontId="8" fillId="0" borderId="0" xfId="0" applyNumberFormat="1" applyFont="1" applyFill="1" applyAlignment="1">
      <alignment vertical="center"/>
    </xf>
    <xf numFmtId="0" fontId="4" fillId="0" borderId="3" xfId="0" applyNumberFormat="1" applyFont="1" applyBorder="1" applyProtection="1">
      <alignment vertical="center"/>
    </xf>
    <xf numFmtId="0" fontId="9" fillId="0" borderId="3" xfId="0" applyNumberFormat="1" applyFont="1" applyBorder="1" applyAlignment="1" applyProtection="1">
      <alignment vertical="center"/>
    </xf>
    <xf numFmtId="0" fontId="10" fillId="0" borderId="4" xfId="0" applyNumberFormat="1" applyFont="1" applyBorder="1" applyAlignment="1" applyProtection="1">
      <alignment horizontal="center" vertical="center"/>
    </xf>
    <xf numFmtId="0" fontId="10" fillId="0" borderId="1" xfId="0" applyNumberFormat="1" applyFont="1" applyBorder="1" applyAlignment="1" applyProtection="1">
      <alignment horizontal="center" vertical="center"/>
    </xf>
    <xf numFmtId="0" fontId="10" fillId="0" borderId="2" xfId="0" applyNumberFormat="1" applyFont="1" applyBorder="1" applyAlignment="1" applyProtection="1">
      <alignment horizontal="center" vertical="center"/>
    </xf>
    <xf numFmtId="0" fontId="9" fillId="0" borderId="5" xfId="0" applyNumberFormat="1" applyFont="1" applyBorder="1" applyAlignment="1" applyProtection="1">
      <alignment vertical="center"/>
    </xf>
    <xf numFmtId="38" fontId="4" fillId="0" borderId="0" xfId="1" applyFont="1" applyFill="1" applyBorder="1">
      <alignment vertical="center"/>
    </xf>
    <xf numFmtId="0" fontId="4" fillId="0" borderId="5" xfId="0" applyNumberFormat="1" applyFont="1" applyBorder="1" applyProtection="1">
      <alignment vertical="center"/>
    </xf>
    <xf numFmtId="0" fontId="4" fillId="0" borderId="0" xfId="0" applyNumberFormat="1" applyFont="1" applyBorder="1" applyProtection="1">
      <alignment vertical="center"/>
    </xf>
    <xf numFmtId="0" fontId="9" fillId="0" borderId="0" xfId="0" applyNumberFormat="1" applyFont="1" applyBorder="1" applyAlignment="1" applyProtection="1">
      <alignment vertical="center"/>
    </xf>
    <xf numFmtId="0" fontId="9" fillId="0" borderId="0" xfId="0" applyFont="1" applyBorder="1" applyAlignment="1">
      <alignment vertical="center"/>
    </xf>
    <xf numFmtId="0" fontId="2" fillId="0" borderId="0" xfId="0" applyNumberFormat="1" applyFont="1" applyBorder="1" applyAlignment="1" applyProtection="1">
      <alignment vertical="center"/>
    </xf>
    <xf numFmtId="49" fontId="8" fillId="0" borderId="0" xfId="0" applyNumberFormat="1" applyFont="1" applyFill="1">
      <alignment vertical="center"/>
    </xf>
    <xf numFmtId="177" fontId="11" fillId="0" borderId="0" xfId="1" applyNumberFormat="1" applyFont="1" applyFill="1" applyBorder="1" applyAlignment="1">
      <alignment vertical="center"/>
    </xf>
    <xf numFmtId="49" fontId="11" fillId="0" borderId="0" xfId="0" applyNumberFormat="1" applyFont="1" applyFill="1">
      <alignment vertical="center"/>
    </xf>
    <xf numFmtId="0" fontId="12" fillId="0" borderId="14" xfId="1" applyNumberFormat="1" applyFont="1" applyFill="1" applyBorder="1" applyAlignment="1">
      <alignment horizontal="left" vertical="center"/>
    </xf>
    <xf numFmtId="0" fontId="12" fillId="0" borderId="14" xfId="1" applyNumberFormat="1" applyFont="1" applyFill="1" applyBorder="1" applyAlignment="1">
      <alignment horizontal="center" vertical="center"/>
    </xf>
    <xf numFmtId="0" fontId="12" fillId="0" borderId="14" xfId="1" applyNumberFormat="1" applyFont="1" applyFill="1" applyBorder="1" applyAlignment="1">
      <alignment vertical="center"/>
    </xf>
    <xf numFmtId="38" fontId="12" fillId="0" borderId="14" xfId="1" applyFont="1" applyFill="1" applyBorder="1" applyAlignment="1">
      <alignment vertical="center"/>
    </xf>
    <xf numFmtId="0" fontId="12" fillId="0" borderId="19" xfId="1" applyNumberFormat="1" applyFont="1" applyFill="1" applyBorder="1" applyAlignment="1">
      <alignment horizontal="center" vertical="center"/>
    </xf>
    <xf numFmtId="38" fontId="12" fillId="0" borderId="19" xfId="1" applyFont="1" applyFill="1" applyBorder="1" applyAlignment="1">
      <alignment horizontal="left" vertical="center"/>
    </xf>
    <xf numFmtId="38" fontId="12" fillId="0" borderId="24" xfId="1" applyFont="1" applyFill="1" applyBorder="1" applyAlignment="1">
      <alignment horizontal="left" vertical="center"/>
    </xf>
    <xf numFmtId="0" fontId="11" fillId="0" borderId="0" xfId="1" applyNumberFormat="1" applyFont="1" applyFill="1" applyBorder="1" applyAlignment="1">
      <alignment horizontal="distributed" vertical="center"/>
    </xf>
    <xf numFmtId="0" fontId="4" fillId="0" borderId="0" xfId="1" applyNumberFormat="1" applyFont="1" applyFill="1" applyAlignment="1">
      <alignment vertical="center"/>
    </xf>
    <xf numFmtId="0" fontId="4" fillId="0" borderId="0" xfId="0" applyFont="1" applyAlignment="1">
      <alignment horizontal="left" vertical="center" wrapText="1"/>
    </xf>
    <xf numFmtId="0" fontId="8" fillId="0" borderId="0" xfId="0" applyNumberFormat="1" applyFont="1" applyFill="1">
      <alignment vertical="center"/>
    </xf>
    <xf numFmtId="0" fontId="4" fillId="0" borderId="0" xfId="1" applyNumberFormat="1" applyFont="1" applyFill="1">
      <alignment vertical="center"/>
    </xf>
    <xf numFmtId="0" fontId="4" fillId="0" borderId="0" xfId="0" applyNumberFormat="1" applyFont="1" applyFill="1">
      <alignment vertical="center"/>
    </xf>
    <xf numFmtId="178" fontId="11" fillId="0" borderId="0" xfId="1" applyNumberFormat="1" applyFont="1" applyFill="1" applyBorder="1" applyAlignment="1">
      <alignment vertical="center"/>
    </xf>
    <xf numFmtId="49" fontId="11" fillId="3" borderId="0" xfId="0" applyNumberFormat="1" applyFont="1" applyFill="1" applyBorder="1" applyAlignment="1">
      <alignment horizontal="center" vertical="center" textRotation="255"/>
    </xf>
    <xf numFmtId="49" fontId="11" fillId="3" borderId="0" xfId="0" applyNumberFormat="1" applyFont="1" applyFill="1" applyBorder="1" applyAlignment="1">
      <alignment horizontal="center" vertical="center"/>
    </xf>
    <xf numFmtId="49" fontId="11" fillId="0" borderId="0" xfId="0" applyNumberFormat="1" applyFont="1" applyFill="1" applyBorder="1" applyAlignment="1">
      <alignment vertical="center" wrapText="1"/>
    </xf>
    <xf numFmtId="0" fontId="12" fillId="0" borderId="0" xfId="0" applyNumberFormat="1" applyFont="1" applyFill="1">
      <alignment vertical="center"/>
    </xf>
    <xf numFmtId="178" fontId="11" fillId="0" borderId="0" xfId="2" applyNumberFormat="1" applyFont="1" applyFill="1" applyBorder="1" applyAlignment="1">
      <alignment horizontal="right" vertical="center"/>
    </xf>
    <xf numFmtId="49" fontId="11" fillId="0" borderId="0" xfId="0" applyNumberFormat="1" applyFont="1" applyFill="1" applyBorder="1" applyAlignment="1">
      <alignment horizontal="left" vertical="center" indent="1"/>
    </xf>
    <xf numFmtId="49" fontId="4" fillId="0" borderId="0" xfId="0" applyNumberFormat="1" applyFont="1" applyFill="1" applyBorder="1">
      <alignment vertical="center"/>
    </xf>
    <xf numFmtId="38" fontId="11" fillId="0" borderId="0" xfId="1" applyFont="1" applyFill="1" applyBorder="1" applyAlignment="1">
      <alignment horizontal="left" vertical="center" indent="1"/>
    </xf>
    <xf numFmtId="0" fontId="14" fillId="0" borderId="0" xfId="3" applyFont="1" applyProtection="1">
      <alignment vertical="center"/>
      <protection locked="0"/>
    </xf>
    <xf numFmtId="0" fontId="13" fillId="0" borderId="0" xfId="3" applyProtection="1">
      <alignment vertical="center"/>
      <protection locked="0"/>
    </xf>
    <xf numFmtId="0" fontId="15" fillId="0" borderId="0" xfId="3" applyFont="1" applyFill="1" applyBorder="1" applyAlignment="1" applyProtection="1">
      <alignment horizontal="right" vertical="center"/>
      <protection locked="0"/>
    </xf>
    <xf numFmtId="0" fontId="14" fillId="2" borderId="26" xfId="3" applyFont="1" applyFill="1" applyBorder="1" applyProtection="1">
      <alignment vertical="center"/>
      <protection locked="0"/>
    </xf>
    <xf numFmtId="0" fontId="14" fillId="2" borderId="27" xfId="3" applyFont="1" applyFill="1" applyBorder="1" applyProtection="1">
      <alignment vertical="center"/>
      <protection locked="0"/>
    </xf>
    <xf numFmtId="0" fontId="13" fillId="2" borderId="27" xfId="3" applyFill="1" applyBorder="1" applyProtection="1">
      <alignment vertical="center"/>
      <protection locked="0"/>
    </xf>
    <xf numFmtId="0" fontId="13" fillId="2" borderId="28" xfId="3" applyFill="1" applyBorder="1" applyProtection="1">
      <alignment vertical="center"/>
      <protection locked="0"/>
    </xf>
    <xf numFmtId="0" fontId="14" fillId="2" borderId="29" xfId="3" applyFont="1" applyFill="1" applyBorder="1" applyProtection="1">
      <alignment vertical="center"/>
      <protection locked="0"/>
    </xf>
    <xf numFmtId="0" fontId="14" fillId="2" borderId="30" xfId="3" applyFont="1" applyFill="1" applyBorder="1" applyProtection="1">
      <alignment vertical="center"/>
      <protection locked="0"/>
    </xf>
    <xf numFmtId="0" fontId="13" fillId="2" borderId="30" xfId="3" applyFill="1" applyBorder="1" applyProtection="1">
      <alignment vertical="center"/>
      <protection locked="0"/>
    </xf>
    <xf numFmtId="0" fontId="13" fillId="2" borderId="31" xfId="3" applyFill="1" applyBorder="1" applyProtection="1">
      <alignment vertical="center"/>
      <protection locked="0"/>
    </xf>
    <xf numFmtId="0" fontId="15" fillId="2" borderId="35" xfId="3" applyFont="1" applyFill="1" applyBorder="1" applyAlignment="1" applyProtection="1">
      <alignment horizontal="center" vertical="center"/>
      <protection locked="0"/>
    </xf>
    <xf numFmtId="0" fontId="16" fillId="2" borderId="36" xfId="3" applyFont="1" applyFill="1" applyBorder="1" applyAlignment="1" applyProtection="1">
      <alignment horizontal="center" vertical="center"/>
      <protection locked="0"/>
    </xf>
    <xf numFmtId="0" fontId="15" fillId="2" borderId="33" xfId="3" applyFont="1" applyFill="1" applyBorder="1" applyProtection="1">
      <alignment vertical="center"/>
      <protection locked="0"/>
    </xf>
    <xf numFmtId="0" fontId="15" fillId="2" borderId="35" xfId="3" applyFont="1" applyFill="1" applyBorder="1" applyProtection="1">
      <alignment vertical="center"/>
      <protection locked="0"/>
    </xf>
    <xf numFmtId="0" fontId="14" fillId="2" borderId="35" xfId="3" applyFont="1" applyFill="1" applyBorder="1" applyProtection="1">
      <alignment vertical="center"/>
      <protection locked="0"/>
    </xf>
    <xf numFmtId="0" fontId="13" fillId="2" borderId="35" xfId="3" applyFill="1" applyBorder="1" applyProtection="1">
      <alignment vertical="center"/>
      <protection locked="0"/>
    </xf>
    <xf numFmtId="0" fontId="13" fillId="2" borderId="34" xfId="3" applyFill="1" applyBorder="1" applyProtection="1">
      <alignment vertical="center"/>
      <protection locked="0"/>
    </xf>
    <xf numFmtId="179" fontId="14" fillId="3" borderId="33" xfId="3" applyNumberFormat="1" applyFont="1" applyFill="1" applyBorder="1" applyProtection="1">
      <alignment vertical="center"/>
      <protection locked="0"/>
    </xf>
    <xf numFmtId="0" fontId="16" fillId="0" borderId="36" xfId="3" applyFont="1" applyBorder="1" applyProtection="1">
      <alignment vertical="center"/>
      <protection locked="0"/>
    </xf>
    <xf numFmtId="0" fontId="16" fillId="0" borderId="36" xfId="3" applyFont="1" applyBorder="1" applyProtection="1">
      <alignment vertical="center"/>
    </xf>
    <xf numFmtId="179" fontId="14" fillId="3" borderId="33" xfId="3" applyNumberFormat="1" applyFont="1" applyFill="1" applyBorder="1" applyProtection="1">
      <alignment vertical="center"/>
    </xf>
    <xf numFmtId="0" fontId="14" fillId="2" borderId="34" xfId="3" applyFont="1" applyFill="1" applyBorder="1" applyProtection="1">
      <alignment vertical="center"/>
      <protection locked="0"/>
    </xf>
    <xf numFmtId="179" fontId="14" fillId="0" borderId="36" xfId="3" applyNumberFormat="1" applyFont="1" applyFill="1" applyBorder="1" applyProtection="1">
      <alignment vertical="center"/>
    </xf>
    <xf numFmtId="0" fontId="14" fillId="3" borderId="0" xfId="3" applyFont="1" applyFill="1" applyBorder="1" applyProtection="1">
      <alignment vertical="center"/>
      <protection locked="0"/>
    </xf>
    <xf numFmtId="0" fontId="14" fillId="0" borderId="0" xfId="3" applyFont="1" applyFill="1" applyBorder="1" applyProtection="1">
      <alignment vertical="center"/>
      <protection locked="0"/>
    </xf>
    <xf numFmtId="0" fontId="15" fillId="2" borderId="37" xfId="3" applyFont="1" applyFill="1" applyBorder="1" applyProtection="1">
      <alignment vertical="center"/>
      <protection locked="0"/>
    </xf>
    <xf numFmtId="0" fontId="14" fillId="2" borderId="38" xfId="3" applyFont="1" applyFill="1" applyBorder="1" applyProtection="1">
      <alignment vertical="center"/>
      <protection locked="0"/>
    </xf>
    <xf numFmtId="179" fontId="8" fillId="0" borderId="39" xfId="3" applyNumberFormat="1" applyFont="1" applyFill="1" applyBorder="1" applyProtection="1">
      <alignment vertical="center"/>
    </xf>
    <xf numFmtId="180" fontId="17" fillId="0" borderId="40" xfId="3" applyNumberFormat="1" applyFont="1" applyFill="1" applyBorder="1" applyProtection="1">
      <alignment vertical="center"/>
      <protection locked="0"/>
    </xf>
    <xf numFmtId="180" fontId="18" fillId="0" borderId="40" xfId="3" applyNumberFormat="1" applyFont="1" applyFill="1" applyBorder="1" applyProtection="1">
      <alignment vertical="center"/>
      <protection locked="0"/>
    </xf>
    <xf numFmtId="0" fontId="14" fillId="0" borderId="0" xfId="3" applyFont="1" applyFill="1" applyBorder="1" applyAlignment="1" applyProtection="1">
      <alignment vertical="center"/>
      <protection locked="0"/>
    </xf>
    <xf numFmtId="0" fontId="14" fillId="0" borderId="42" xfId="3" applyFont="1" applyFill="1" applyBorder="1" applyProtection="1">
      <alignment vertical="center"/>
      <protection locked="0"/>
    </xf>
    <xf numFmtId="0" fontId="19" fillId="0" borderId="43" xfId="3" applyFont="1" applyFill="1" applyBorder="1" applyProtection="1">
      <alignment vertical="center"/>
      <protection locked="0"/>
    </xf>
    <xf numFmtId="0" fontId="14" fillId="0" borderId="43" xfId="3" applyFont="1" applyFill="1" applyBorder="1" applyProtection="1">
      <alignment vertical="center"/>
      <protection locked="0"/>
    </xf>
    <xf numFmtId="0" fontId="14" fillId="0" borderId="44" xfId="3" applyFont="1" applyFill="1" applyBorder="1" applyProtection="1">
      <alignment vertical="center"/>
      <protection locked="0"/>
    </xf>
    <xf numFmtId="0" fontId="20" fillId="0" borderId="0" xfId="3" applyFont="1" applyProtection="1">
      <alignment vertical="center"/>
      <protection locked="0"/>
    </xf>
    <xf numFmtId="0" fontId="15" fillId="0" borderId="0" xfId="3" applyFont="1" applyProtection="1">
      <alignment vertical="center"/>
      <protection locked="0"/>
    </xf>
    <xf numFmtId="38" fontId="14" fillId="3" borderId="33" xfId="4" applyFont="1" applyFill="1" applyBorder="1" applyAlignment="1" applyProtection="1">
      <alignment vertical="center"/>
      <protection locked="0"/>
    </xf>
    <xf numFmtId="38" fontId="15" fillId="3" borderId="34" xfId="4" applyFont="1" applyFill="1" applyBorder="1" applyAlignment="1" applyProtection="1">
      <alignment vertical="center"/>
      <protection locked="0"/>
    </xf>
    <xf numFmtId="0" fontId="14" fillId="0" borderId="26" xfId="3" applyFont="1" applyFill="1" applyBorder="1" applyProtection="1">
      <alignment vertical="center"/>
      <protection locked="0"/>
    </xf>
    <xf numFmtId="0" fontId="15" fillId="0" borderId="27" xfId="3" applyFont="1" applyFill="1" applyBorder="1" applyProtection="1">
      <alignment vertical="center"/>
      <protection locked="0"/>
    </xf>
    <xf numFmtId="0" fontId="14" fillId="0" borderId="27" xfId="3" applyFont="1" applyFill="1" applyBorder="1" applyProtection="1">
      <alignment vertical="center"/>
      <protection locked="0"/>
    </xf>
    <xf numFmtId="0" fontId="13" fillId="0" borderId="28" xfId="3" applyBorder="1" applyProtection="1">
      <alignment vertical="center"/>
      <protection locked="0"/>
    </xf>
    <xf numFmtId="38" fontId="12" fillId="2" borderId="18" xfId="1" applyFont="1" applyFill="1" applyBorder="1" applyAlignment="1">
      <alignment horizontal="distributed" vertical="center" justifyLastLine="1"/>
    </xf>
    <xf numFmtId="38" fontId="12" fillId="2" borderId="19" xfId="1" applyFont="1" applyFill="1" applyBorder="1" applyAlignment="1">
      <alignment horizontal="distributed" vertical="center" justifyLastLine="1"/>
    </xf>
    <xf numFmtId="38" fontId="12" fillId="2" borderId="20" xfId="1" applyFont="1" applyFill="1" applyBorder="1" applyAlignment="1">
      <alignment horizontal="distributed" vertical="center" justifyLastLine="1"/>
    </xf>
    <xf numFmtId="0" fontId="12" fillId="0" borderId="16" xfId="1" applyNumberFormat="1" applyFont="1" applyFill="1" applyBorder="1" applyAlignment="1">
      <alignment horizontal="center" vertical="center"/>
    </xf>
    <xf numFmtId="0" fontId="12" fillId="0" borderId="14" xfId="1" applyNumberFormat="1" applyFont="1" applyFill="1" applyBorder="1" applyAlignment="1">
      <alignment horizontal="center" vertical="center"/>
    </xf>
    <xf numFmtId="38" fontId="12" fillId="0" borderId="14" xfId="1" applyFont="1" applyFill="1" applyBorder="1" applyAlignment="1">
      <alignment horizontal="left" vertical="center" wrapText="1"/>
    </xf>
    <xf numFmtId="38" fontId="12" fillId="0" borderId="19" xfId="1" applyFont="1" applyFill="1" applyBorder="1" applyAlignment="1">
      <alignment horizontal="left" vertical="center"/>
    </xf>
    <xf numFmtId="38" fontId="12" fillId="0" borderId="14" xfId="1" applyFont="1" applyFill="1" applyBorder="1" applyAlignment="1">
      <alignment horizontal="left" vertical="center"/>
    </xf>
    <xf numFmtId="38" fontId="12" fillId="0" borderId="17" xfId="1" applyFont="1" applyFill="1" applyBorder="1" applyAlignment="1">
      <alignment horizontal="left" vertical="center"/>
    </xf>
    <xf numFmtId="38" fontId="5" fillId="0" borderId="0" xfId="1" applyFont="1" applyFill="1" applyAlignment="1">
      <alignment horizontal="center" vertical="center" wrapText="1"/>
    </xf>
    <xf numFmtId="38" fontId="5" fillId="0" borderId="0" xfId="1" applyFont="1" applyFill="1" applyAlignment="1">
      <alignment horizontal="center" vertical="center"/>
    </xf>
    <xf numFmtId="49" fontId="4" fillId="0" borderId="0" xfId="0" applyNumberFormat="1" applyFont="1" applyFill="1" applyAlignment="1">
      <alignment horizontal="center" vertical="center"/>
    </xf>
    <xf numFmtId="0" fontId="9" fillId="0" borderId="6" xfId="0" applyNumberFormat="1" applyFont="1" applyBorder="1" applyAlignment="1" applyProtection="1">
      <alignment vertical="center"/>
    </xf>
    <xf numFmtId="0" fontId="9" fillId="0" borderId="6" xfId="0" applyFont="1" applyBorder="1" applyAlignment="1">
      <alignment vertical="center"/>
    </xf>
    <xf numFmtId="0" fontId="9" fillId="0" borderId="7" xfId="0" applyNumberFormat="1" applyFont="1" applyBorder="1" applyAlignment="1" applyProtection="1">
      <alignment vertical="center"/>
    </xf>
    <xf numFmtId="0" fontId="9" fillId="0" borderId="7" xfId="0" applyFont="1" applyBorder="1" applyAlignment="1">
      <alignment vertical="center"/>
    </xf>
    <xf numFmtId="38" fontId="12" fillId="2" borderId="8" xfId="1" applyFont="1" applyFill="1" applyBorder="1" applyAlignment="1">
      <alignment horizontal="distributed" vertical="center" justifyLastLine="1"/>
    </xf>
    <xf numFmtId="38" fontId="12" fillId="2" borderId="9" xfId="1" applyFont="1" applyFill="1" applyBorder="1" applyAlignment="1">
      <alignment horizontal="distributed" vertical="center" justifyLastLine="1"/>
    </xf>
    <xf numFmtId="38" fontId="12" fillId="2" borderId="10" xfId="1" applyFont="1" applyFill="1" applyBorder="1" applyAlignment="1">
      <alignment horizontal="distributed" vertical="center" justifyLastLine="1"/>
    </xf>
    <xf numFmtId="38" fontId="12" fillId="0" borderId="11" xfId="1" applyFont="1" applyFill="1" applyBorder="1" applyAlignment="1">
      <alignment horizontal="center" vertical="center"/>
    </xf>
    <xf numFmtId="38" fontId="12" fillId="0" borderId="9" xfId="1" applyFont="1" applyFill="1" applyBorder="1" applyAlignment="1">
      <alignment horizontal="center" vertical="center"/>
    </xf>
    <xf numFmtId="0" fontId="12" fillId="3" borderId="8" xfId="1" applyNumberFormat="1" applyFont="1" applyFill="1" applyBorder="1" applyAlignment="1">
      <alignment horizontal="center" vertical="center"/>
    </xf>
    <xf numFmtId="0" fontId="12" fillId="3" borderId="9" xfId="1" applyNumberFormat="1" applyFont="1" applyFill="1" applyBorder="1" applyAlignment="1">
      <alignment horizontal="center" vertical="center"/>
    </xf>
    <xf numFmtId="38" fontId="12" fillId="0" borderId="12" xfId="1" applyFont="1" applyFill="1" applyBorder="1" applyAlignment="1">
      <alignment horizontal="center" vertical="center"/>
    </xf>
    <xf numFmtId="38" fontId="12" fillId="2" borderId="13" xfId="1" applyFont="1" applyFill="1" applyBorder="1" applyAlignment="1">
      <alignment horizontal="distributed" vertical="center" wrapText="1" justifyLastLine="1"/>
    </xf>
    <xf numFmtId="38" fontId="12" fillId="2" borderId="14" xfId="1" applyFont="1" applyFill="1" applyBorder="1" applyAlignment="1">
      <alignment horizontal="distributed" vertical="center" justifyLastLine="1"/>
    </xf>
    <xf numFmtId="38" fontId="12" fillId="2" borderId="15" xfId="1" applyFont="1" applyFill="1" applyBorder="1" applyAlignment="1">
      <alignment horizontal="distributed" vertical="center" justifyLastLine="1"/>
    </xf>
    <xf numFmtId="0" fontId="12" fillId="0" borderId="16" xfId="1" applyNumberFormat="1" applyFont="1" applyFill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/>
    </xf>
    <xf numFmtId="38" fontId="12" fillId="2" borderId="13" xfId="1" applyFont="1" applyFill="1" applyBorder="1" applyAlignment="1">
      <alignment horizontal="distributed" vertical="center" justifyLastLine="1"/>
    </xf>
    <xf numFmtId="0" fontId="12" fillId="0" borderId="16" xfId="1" applyNumberFormat="1" applyFont="1" applyFill="1" applyBorder="1" applyAlignment="1">
      <alignment horizontal="left" vertical="center"/>
    </xf>
    <xf numFmtId="0" fontId="12" fillId="0" borderId="14" xfId="1" applyNumberFormat="1" applyFont="1" applyFill="1" applyBorder="1" applyAlignment="1">
      <alignment horizontal="left" vertical="center"/>
    </xf>
    <xf numFmtId="0" fontId="12" fillId="0" borderId="17" xfId="1" applyNumberFormat="1" applyFont="1" applyFill="1" applyBorder="1" applyAlignment="1">
      <alignment horizontal="left" vertical="center"/>
    </xf>
    <xf numFmtId="38" fontId="12" fillId="2" borderId="21" xfId="1" applyFont="1" applyFill="1" applyBorder="1" applyAlignment="1">
      <alignment horizontal="distributed" vertical="center" justifyLastLine="1"/>
    </xf>
    <xf numFmtId="38" fontId="12" fillId="2" borderId="22" xfId="1" applyFont="1" applyFill="1" applyBorder="1" applyAlignment="1">
      <alignment horizontal="distributed" vertical="center" justifyLastLine="1"/>
    </xf>
    <xf numFmtId="38" fontId="12" fillId="2" borderId="23" xfId="1" applyFont="1" applyFill="1" applyBorder="1" applyAlignment="1">
      <alignment horizontal="distributed" vertical="center" justifyLastLine="1"/>
    </xf>
    <xf numFmtId="0" fontId="12" fillId="0" borderId="19" xfId="1" applyNumberFormat="1" applyFont="1" applyFill="1" applyBorder="1" applyAlignment="1">
      <alignment horizontal="left" vertical="center"/>
    </xf>
    <xf numFmtId="0" fontId="12" fillId="0" borderId="19" xfId="1" applyNumberFormat="1" applyFont="1" applyFill="1" applyBorder="1" applyAlignment="1">
      <alignment horizontal="center" vertical="center"/>
    </xf>
    <xf numFmtId="0" fontId="11" fillId="2" borderId="25" xfId="1" applyNumberFormat="1" applyFont="1" applyFill="1" applyBorder="1" applyAlignment="1">
      <alignment horizontal="distributed" vertical="center" wrapText="1" justifyLastLine="1"/>
    </xf>
    <xf numFmtId="0" fontId="11" fillId="2" borderId="0" xfId="1" applyNumberFormat="1" applyFont="1" applyFill="1" applyBorder="1" applyAlignment="1">
      <alignment horizontal="distributed" vertical="center" wrapText="1" justifyLastLine="1"/>
    </xf>
    <xf numFmtId="0" fontId="11" fillId="2" borderId="29" xfId="1" applyNumberFormat="1" applyFont="1" applyFill="1" applyBorder="1" applyAlignment="1">
      <alignment horizontal="distributed" vertical="center" wrapText="1" justifyLastLine="1"/>
    </xf>
    <xf numFmtId="0" fontId="11" fillId="2" borderId="30" xfId="1" applyNumberFormat="1" applyFont="1" applyFill="1" applyBorder="1" applyAlignment="1">
      <alignment horizontal="distributed" vertical="center" wrapText="1" justifyLastLine="1"/>
    </xf>
    <xf numFmtId="0" fontId="12" fillId="3" borderId="26" xfId="1" applyNumberFormat="1" applyFont="1" applyFill="1" applyBorder="1" applyAlignment="1">
      <alignment horizontal="left" vertical="center" wrapText="1"/>
    </xf>
    <xf numFmtId="0" fontId="12" fillId="3" borderId="27" xfId="1" applyNumberFormat="1" applyFont="1" applyFill="1" applyBorder="1" applyAlignment="1">
      <alignment horizontal="left" vertical="center" wrapText="1"/>
    </xf>
    <xf numFmtId="0" fontId="12" fillId="3" borderId="28" xfId="1" applyNumberFormat="1" applyFont="1" applyFill="1" applyBorder="1" applyAlignment="1">
      <alignment horizontal="left" vertical="center" wrapText="1"/>
    </xf>
    <xf numFmtId="0" fontId="12" fillId="3" borderId="29" xfId="1" applyNumberFormat="1" applyFont="1" applyFill="1" applyBorder="1" applyAlignment="1">
      <alignment horizontal="left" vertical="center" wrapText="1"/>
    </xf>
    <xf numFmtId="0" fontId="12" fillId="3" borderId="30" xfId="1" applyNumberFormat="1" applyFont="1" applyFill="1" applyBorder="1" applyAlignment="1">
      <alignment horizontal="left" vertical="center" wrapText="1"/>
    </xf>
    <xf numFmtId="0" fontId="12" fillId="3" borderId="31" xfId="1" applyNumberFormat="1" applyFont="1" applyFill="1" applyBorder="1" applyAlignment="1">
      <alignment horizontal="left" vertical="center" wrapText="1"/>
    </xf>
    <xf numFmtId="0" fontId="11" fillId="0" borderId="0" xfId="1" applyNumberFormat="1" applyFont="1" applyFill="1" applyBorder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4" fillId="0" borderId="26" xfId="1" applyNumberFormat="1" applyFont="1" applyFill="1" applyBorder="1" applyAlignment="1">
      <alignment horizontal="left" vertical="top" wrapText="1"/>
    </xf>
    <xf numFmtId="0" fontId="4" fillId="0" borderId="27" xfId="1" applyNumberFormat="1" applyFont="1" applyFill="1" applyBorder="1" applyAlignment="1">
      <alignment horizontal="left" vertical="top" wrapText="1"/>
    </xf>
    <xf numFmtId="0" fontId="4" fillId="0" borderId="28" xfId="1" applyNumberFormat="1" applyFont="1" applyFill="1" applyBorder="1" applyAlignment="1">
      <alignment horizontal="left" vertical="top" wrapText="1"/>
    </xf>
    <xf numFmtId="0" fontId="4" fillId="0" borderId="25" xfId="1" applyNumberFormat="1" applyFont="1" applyFill="1" applyBorder="1" applyAlignment="1">
      <alignment horizontal="left" vertical="top" wrapText="1"/>
    </xf>
    <xf numFmtId="0" fontId="4" fillId="0" borderId="0" xfId="1" applyNumberFormat="1" applyFont="1" applyFill="1" applyBorder="1" applyAlignment="1">
      <alignment horizontal="left" vertical="top" wrapText="1"/>
    </xf>
    <xf numFmtId="0" fontId="4" fillId="0" borderId="32" xfId="1" applyNumberFormat="1" applyFont="1" applyFill="1" applyBorder="1" applyAlignment="1">
      <alignment horizontal="left" vertical="top" wrapText="1"/>
    </xf>
    <xf numFmtId="0" fontId="4" fillId="0" borderId="29" xfId="1" applyNumberFormat="1" applyFont="1" applyFill="1" applyBorder="1" applyAlignment="1">
      <alignment horizontal="left" vertical="top" wrapText="1"/>
    </xf>
    <xf numFmtId="0" fontId="4" fillId="0" borderId="30" xfId="1" applyNumberFormat="1" applyFont="1" applyFill="1" applyBorder="1" applyAlignment="1">
      <alignment horizontal="left" vertical="top" wrapText="1"/>
    </xf>
    <xf numFmtId="0" fontId="4" fillId="0" borderId="31" xfId="1" applyNumberFormat="1" applyFont="1" applyFill="1" applyBorder="1" applyAlignment="1">
      <alignment horizontal="left" vertical="top" wrapText="1"/>
    </xf>
    <xf numFmtId="0" fontId="15" fillId="0" borderId="48" xfId="3" applyFont="1" applyFill="1" applyBorder="1" applyAlignment="1" applyProtection="1">
      <alignment horizontal="center" vertical="center"/>
      <protection locked="0"/>
    </xf>
    <xf numFmtId="38" fontId="14" fillId="3" borderId="48" xfId="4" applyFont="1" applyFill="1" applyBorder="1" applyAlignment="1" applyProtection="1">
      <alignment horizontal="center" vertical="center"/>
      <protection locked="0"/>
    </xf>
    <xf numFmtId="38" fontId="14" fillId="3" borderId="49" xfId="4" applyFont="1" applyFill="1" applyBorder="1" applyAlignment="1" applyProtection="1">
      <alignment horizontal="center" vertical="center"/>
      <protection locked="0"/>
    </xf>
    <xf numFmtId="38" fontId="14" fillId="3" borderId="50" xfId="4" applyFont="1" applyFill="1" applyBorder="1" applyAlignment="1" applyProtection="1">
      <alignment horizontal="center" vertical="center"/>
      <protection locked="0"/>
    </xf>
    <xf numFmtId="0" fontId="15" fillId="0" borderId="48" xfId="3" applyFont="1" applyFill="1" applyBorder="1" applyAlignment="1" applyProtection="1">
      <alignment horizontal="left" vertical="center"/>
      <protection locked="0"/>
    </xf>
    <xf numFmtId="0" fontId="14" fillId="3" borderId="25" xfId="3" applyFont="1" applyFill="1" applyBorder="1" applyAlignment="1" applyProtection="1">
      <alignment horizontal="left" vertical="top"/>
      <protection locked="0"/>
    </xf>
    <xf numFmtId="0" fontId="14" fillId="3" borderId="0" xfId="3" applyFont="1" applyFill="1" applyBorder="1" applyAlignment="1" applyProtection="1">
      <alignment horizontal="left" vertical="top"/>
      <protection locked="0"/>
    </xf>
    <xf numFmtId="0" fontId="14" fillId="3" borderId="32" xfId="3" applyFont="1" applyFill="1" applyBorder="1" applyAlignment="1" applyProtection="1">
      <alignment horizontal="left" vertical="top"/>
      <protection locked="0"/>
    </xf>
    <xf numFmtId="0" fontId="14" fillId="3" borderId="29" xfId="3" applyFont="1" applyFill="1" applyBorder="1" applyAlignment="1" applyProtection="1">
      <alignment horizontal="left" vertical="top"/>
      <protection locked="0"/>
    </xf>
    <xf numFmtId="0" fontId="14" fillId="3" borderId="30" xfId="3" applyFont="1" applyFill="1" applyBorder="1" applyAlignment="1" applyProtection="1">
      <alignment horizontal="left" vertical="top"/>
      <protection locked="0"/>
    </xf>
    <xf numFmtId="0" fontId="14" fillId="3" borderId="31" xfId="3" applyFont="1" applyFill="1" applyBorder="1" applyAlignment="1" applyProtection="1">
      <alignment horizontal="left" vertical="top"/>
      <protection locked="0"/>
    </xf>
    <xf numFmtId="0" fontId="15" fillId="0" borderId="36" xfId="3" applyFont="1" applyFill="1" applyBorder="1" applyAlignment="1" applyProtection="1">
      <alignment horizontal="left" vertical="center"/>
      <protection locked="0"/>
    </xf>
    <xf numFmtId="38" fontId="14" fillId="3" borderId="36" xfId="4" applyFont="1" applyFill="1" applyBorder="1" applyAlignment="1" applyProtection="1">
      <alignment horizontal="center" vertical="center"/>
      <protection locked="0"/>
    </xf>
    <xf numFmtId="0" fontId="15" fillId="0" borderId="45" xfId="3" applyFont="1" applyFill="1" applyBorder="1" applyAlignment="1" applyProtection="1">
      <alignment horizontal="center" vertical="center"/>
      <protection locked="0"/>
    </xf>
    <xf numFmtId="38" fontId="14" fillId="3" borderId="45" xfId="4" applyFont="1" applyFill="1" applyBorder="1" applyAlignment="1" applyProtection="1">
      <alignment horizontal="center" vertical="center"/>
      <protection locked="0"/>
    </xf>
    <xf numFmtId="38" fontId="14" fillId="3" borderId="46" xfId="4" applyFont="1" applyFill="1" applyBorder="1" applyAlignment="1" applyProtection="1">
      <alignment horizontal="center" vertical="center"/>
      <protection locked="0"/>
    </xf>
    <xf numFmtId="38" fontId="14" fillId="3" borderId="47" xfId="4" applyFont="1" applyFill="1" applyBorder="1" applyAlignment="1" applyProtection="1">
      <alignment horizontal="center" vertical="center"/>
      <protection locked="0"/>
    </xf>
    <xf numFmtId="0" fontId="15" fillId="0" borderId="45" xfId="3" applyFont="1" applyFill="1" applyBorder="1" applyAlignment="1" applyProtection="1">
      <alignment horizontal="left" vertical="center"/>
      <protection locked="0"/>
    </xf>
    <xf numFmtId="178" fontId="14" fillId="0" borderId="42" xfId="4" applyNumberFormat="1" applyFont="1" applyFill="1" applyBorder="1" applyAlignment="1" applyProtection="1">
      <alignment horizontal="center" vertical="center"/>
      <protection locked="0"/>
    </xf>
    <xf numFmtId="178" fontId="14" fillId="0" borderId="44" xfId="4" applyNumberFormat="1" applyFont="1" applyFill="1" applyBorder="1" applyAlignment="1" applyProtection="1">
      <alignment horizontal="center" vertical="center"/>
      <protection locked="0"/>
    </xf>
    <xf numFmtId="178" fontId="14" fillId="0" borderId="42" xfId="4" applyNumberFormat="1" applyFont="1" applyFill="1" applyBorder="1" applyAlignment="1" applyProtection="1">
      <alignment horizontal="center" vertical="center"/>
    </xf>
    <xf numFmtId="178" fontId="14" fillId="0" borderId="44" xfId="4" applyNumberFormat="1" applyFont="1" applyFill="1" applyBorder="1" applyAlignment="1" applyProtection="1">
      <alignment horizontal="center" vertical="center"/>
    </xf>
    <xf numFmtId="0" fontId="15" fillId="2" borderId="36" xfId="3" applyFont="1" applyFill="1" applyBorder="1" applyAlignment="1" applyProtection="1">
      <alignment horizontal="center" vertical="center"/>
      <protection locked="0"/>
    </xf>
    <xf numFmtId="0" fontId="15" fillId="0" borderId="37" xfId="3" applyFont="1" applyFill="1" applyBorder="1" applyAlignment="1" applyProtection="1">
      <alignment horizontal="center" vertical="center"/>
      <protection locked="0"/>
    </xf>
    <xf numFmtId="0" fontId="15" fillId="0" borderId="38" xfId="3" applyFont="1" applyFill="1" applyBorder="1" applyAlignment="1" applyProtection="1">
      <alignment horizontal="center" vertical="center"/>
      <protection locked="0"/>
    </xf>
    <xf numFmtId="0" fontId="15" fillId="0" borderId="41" xfId="3" applyFont="1" applyFill="1" applyBorder="1" applyAlignment="1" applyProtection="1">
      <alignment horizontal="center" vertical="center"/>
      <protection locked="0"/>
    </xf>
    <xf numFmtId="38" fontId="14" fillId="0" borderId="39" xfId="4" applyFont="1" applyFill="1" applyBorder="1" applyAlignment="1" applyProtection="1">
      <alignment horizontal="center" vertical="center"/>
    </xf>
    <xf numFmtId="38" fontId="14" fillId="0" borderId="40" xfId="4" applyFont="1" applyFill="1" applyBorder="1" applyAlignment="1" applyProtection="1">
      <alignment horizontal="center" vertical="center"/>
    </xf>
    <xf numFmtId="38" fontId="14" fillId="0" borderId="41" xfId="4" applyFont="1" applyFill="1" applyBorder="1" applyAlignment="1" applyProtection="1">
      <alignment horizontal="center" vertical="center"/>
    </xf>
    <xf numFmtId="0" fontId="15" fillId="0" borderId="26" xfId="3" applyFont="1" applyFill="1" applyBorder="1" applyAlignment="1" applyProtection="1">
      <alignment horizontal="left" vertical="center"/>
      <protection locked="0"/>
    </xf>
    <xf numFmtId="0" fontId="15" fillId="0" borderId="27" xfId="3" applyFont="1" applyFill="1" applyBorder="1" applyAlignment="1" applyProtection="1">
      <alignment horizontal="left" vertical="center"/>
      <protection locked="0"/>
    </xf>
    <xf numFmtId="0" fontId="15" fillId="0" borderId="28" xfId="3" applyFont="1" applyFill="1" applyBorder="1" applyAlignment="1" applyProtection="1">
      <alignment horizontal="left" vertical="center"/>
      <protection locked="0"/>
    </xf>
    <xf numFmtId="38" fontId="14" fillId="3" borderId="33" xfId="4" applyFont="1" applyFill="1" applyBorder="1" applyAlignment="1" applyProtection="1">
      <alignment horizontal="center" vertical="center"/>
      <protection locked="0"/>
    </xf>
    <xf numFmtId="38" fontId="14" fillId="3" borderId="34" xfId="4" applyFont="1" applyFill="1" applyBorder="1" applyAlignment="1" applyProtection="1">
      <alignment horizontal="center" vertical="center"/>
      <protection locked="0"/>
    </xf>
    <xf numFmtId="0" fontId="15" fillId="2" borderId="33" xfId="3" applyFont="1" applyFill="1" applyBorder="1" applyAlignment="1" applyProtection="1">
      <alignment horizontal="center" vertical="center"/>
      <protection locked="0"/>
    </xf>
    <xf numFmtId="0" fontId="15" fillId="2" borderId="34" xfId="3" applyFont="1" applyFill="1" applyBorder="1" applyAlignment="1" applyProtection="1">
      <alignment horizontal="center" vertical="center"/>
      <protection locked="0"/>
    </xf>
    <xf numFmtId="0" fontId="15" fillId="2" borderId="33" xfId="3" applyFont="1" applyFill="1" applyBorder="1" applyAlignment="1" applyProtection="1">
      <alignment horizontal="center" vertical="center"/>
    </xf>
    <xf numFmtId="0" fontId="15" fillId="2" borderId="34" xfId="3" applyFont="1" applyFill="1" applyBorder="1" applyAlignment="1" applyProtection="1">
      <alignment horizontal="center" vertical="center"/>
    </xf>
    <xf numFmtId="0" fontId="15" fillId="2" borderId="26" xfId="3" applyFont="1" applyFill="1" applyBorder="1" applyAlignment="1" applyProtection="1">
      <alignment horizontal="center" vertical="center"/>
      <protection locked="0"/>
    </xf>
    <xf numFmtId="0" fontId="15" fillId="2" borderId="27" xfId="3" applyFont="1" applyFill="1" applyBorder="1" applyAlignment="1" applyProtection="1">
      <alignment horizontal="center" vertical="center"/>
      <protection locked="0"/>
    </xf>
    <xf numFmtId="0" fontId="15" fillId="2" borderId="28" xfId="3" applyFont="1" applyFill="1" applyBorder="1" applyAlignment="1" applyProtection="1">
      <alignment horizontal="center" vertical="center"/>
      <protection locked="0"/>
    </xf>
    <xf numFmtId="0" fontId="15" fillId="2" borderId="29" xfId="3" applyFont="1" applyFill="1" applyBorder="1" applyAlignment="1" applyProtection="1">
      <alignment horizontal="center" vertical="center"/>
      <protection locked="0"/>
    </xf>
    <xf numFmtId="0" fontId="15" fillId="2" borderId="30" xfId="3" applyFont="1" applyFill="1" applyBorder="1" applyAlignment="1" applyProtection="1">
      <alignment horizontal="center" vertical="center"/>
      <protection locked="0"/>
    </xf>
    <xf numFmtId="0" fontId="15" fillId="2" borderId="31" xfId="3" applyFont="1" applyFill="1" applyBorder="1" applyAlignment="1" applyProtection="1">
      <alignment horizontal="center" vertical="center"/>
      <protection locked="0"/>
    </xf>
  </cellXfs>
  <cellStyles count="5">
    <cellStyle name="パーセント" xfId="2" builtinId="5"/>
    <cellStyle name="桁区切り" xfId="1" builtinId="6"/>
    <cellStyle name="桁区切り 2" xfId="4" xr:uid="{00000000-0005-0000-0000-000002000000}"/>
    <cellStyle name="標準" xfId="0" builtinId="0"/>
    <cellStyle name="標準 2" xfId="3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/>
</file>

<file path=xl/ctrlProps/ctrlProp2.xml><?xml version="1.0" encoding="utf-8"?>
<formControlPr xmlns="http://schemas.microsoft.com/office/spreadsheetml/2009/9/main" objectType="CheckBox" lockText="1"/>
</file>

<file path=xl/ctrlProps/ctrlProp3.xml><?xml version="1.0" encoding="utf-8"?>
<formControlPr xmlns="http://schemas.microsoft.com/office/spreadsheetml/2009/9/main" objectType="CheckBox" lockText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190500</xdr:colOff>
          <xdr:row>18</xdr:row>
          <xdr:rowOff>30480</xdr:rowOff>
        </xdr:from>
        <xdr:to>
          <xdr:col>6</xdr:col>
          <xdr:colOff>60960</xdr:colOff>
          <xdr:row>19</xdr:row>
          <xdr:rowOff>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11</xdr:col>
          <xdr:colOff>190500</xdr:colOff>
          <xdr:row>18</xdr:row>
          <xdr:rowOff>30480</xdr:rowOff>
        </xdr:from>
        <xdr:to>
          <xdr:col>13</xdr:col>
          <xdr:colOff>60960</xdr:colOff>
          <xdr:row>19</xdr:row>
          <xdr:rowOff>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19</xdr:col>
          <xdr:colOff>152400</xdr:colOff>
          <xdr:row>18</xdr:row>
          <xdr:rowOff>30480</xdr:rowOff>
        </xdr:from>
        <xdr:to>
          <xdr:col>21</xdr:col>
          <xdr:colOff>22860</xdr:colOff>
          <xdr:row>19</xdr:row>
          <xdr:rowOff>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45</xdr:row>
          <xdr:rowOff>0</xdr:rowOff>
        </xdr:from>
        <xdr:to>
          <xdr:col>1</xdr:col>
          <xdr:colOff>30480</xdr:colOff>
          <xdr:row>46</xdr:row>
          <xdr:rowOff>12192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1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57200</xdr:colOff>
          <xdr:row>45</xdr:row>
          <xdr:rowOff>0</xdr:rowOff>
        </xdr:from>
        <xdr:to>
          <xdr:col>13</xdr:col>
          <xdr:colOff>0</xdr:colOff>
          <xdr:row>46</xdr:row>
          <xdr:rowOff>12192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100-00000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45</xdr:row>
          <xdr:rowOff>0</xdr:rowOff>
        </xdr:from>
        <xdr:to>
          <xdr:col>1</xdr:col>
          <xdr:colOff>30480</xdr:colOff>
          <xdr:row>46</xdr:row>
          <xdr:rowOff>12192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1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57200</xdr:colOff>
          <xdr:row>45</xdr:row>
          <xdr:rowOff>0</xdr:rowOff>
        </xdr:from>
        <xdr:to>
          <xdr:col>13</xdr:col>
          <xdr:colOff>0</xdr:colOff>
          <xdr:row>46</xdr:row>
          <xdr:rowOff>12192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100-00000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7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6.xml"/><Relationship Id="rId5" Type="http://schemas.openxmlformats.org/officeDocument/2006/relationships/ctrlProp" Target="../ctrlProps/ctrlProp5.xml"/><Relationship Id="rId4" Type="http://schemas.openxmlformats.org/officeDocument/2006/relationships/ctrlProp" Target="../ctrlProps/ctrlProp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V51"/>
  <sheetViews>
    <sheetView tabSelected="1" view="pageBreakPreview" zoomScale="115" zoomScaleNormal="100" zoomScaleSheetLayoutView="115" workbookViewId="0">
      <selection activeCell="A2" sqref="A2"/>
    </sheetView>
  </sheetViews>
  <sheetFormatPr defaultColWidth="3.109375" defaultRowHeight="13.2" x14ac:dyDescent="0.2"/>
  <cols>
    <col min="1" max="13" width="3.109375" style="6" customWidth="1"/>
    <col min="14" max="14" width="5.33203125" style="6" customWidth="1"/>
    <col min="15" max="15" width="4.88671875" style="5" customWidth="1"/>
    <col min="16" max="28" width="3.109375" style="5" customWidth="1"/>
    <col min="29" max="61" width="3.109375" style="4"/>
    <col min="62" max="73" width="3.109375" style="5" customWidth="1"/>
    <col min="74" max="16384" width="3.109375" style="6"/>
  </cols>
  <sheetData>
    <row r="1" spans="1:74" x14ac:dyDescent="0.2">
      <c r="A1" s="1" t="s">
        <v>76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3"/>
    </row>
    <row r="2" spans="1:74" ht="3" customHeight="1" x14ac:dyDescent="0.2"/>
    <row r="3" spans="1:74" ht="16.8" customHeight="1" x14ac:dyDescent="0.2">
      <c r="A3" s="101" t="s">
        <v>0</v>
      </c>
      <c r="B3" s="102"/>
      <c r="C3" s="102"/>
      <c r="D3" s="102"/>
      <c r="E3" s="102"/>
      <c r="F3" s="102"/>
      <c r="G3" s="102"/>
      <c r="H3" s="102"/>
      <c r="I3" s="102"/>
      <c r="J3" s="102"/>
      <c r="K3" s="102"/>
      <c r="L3" s="102"/>
      <c r="M3" s="102"/>
      <c r="N3" s="102"/>
      <c r="O3" s="102"/>
      <c r="P3" s="102"/>
      <c r="Q3" s="102"/>
      <c r="R3" s="102"/>
      <c r="S3" s="102"/>
      <c r="T3" s="102"/>
      <c r="U3" s="102"/>
      <c r="V3" s="102"/>
      <c r="W3" s="102"/>
      <c r="X3" s="102"/>
      <c r="Y3" s="102"/>
      <c r="Z3" s="102"/>
      <c r="AA3" s="102"/>
      <c r="AB3" s="102"/>
    </row>
    <row r="4" spans="1:74" ht="16.8" customHeight="1" x14ac:dyDescent="0.2">
      <c r="A4" s="102"/>
      <c r="B4" s="102"/>
      <c r="C4" s="102"/>
      <c r="D4" s="102"/>
      <c r="E4" s="102"/>
      <c r="F4" s="102"/>
      <c r="G4" s="102"/>
      <c r="H4" s="102"/>
      <c r="I4" s="102"/>
      <c r="J4" s="102"/>
      <c r="K4" s="102"/>
      <c r="L4" s="102"/>
      <c r="M4" s="102"/>
      <c r="N4" s="102"/>
      <c r="O4" s="102"/>
      <c r="P4" s="102"/>
      <c r="Q4" s="102"/>
      <c r="R4" s="102"/>
      <c r="S4" s="102"/>
      <c r="T4" s="102"/>
      <c r="U4" s="102"/>
      <c r="V4" s="102"/>
      <c r="W4" s="102"/>
      <c r="X4" s="102"/>
      <c r="Y4" s="102"/>
      <c r="Z4" s="102"/>
      <c r="AA4" s="102"/>
      <c r="AB4" s="102"/>
    </row>
    <row r="5" spans="1:74" ht="23.25" customHeight="1" x14ac:dyDescent="0.2">
      <c r="T5" s="6"/>
      <c r="U5" s="103"/>
      <c r="V5" s="103"/>
      <c r="W5" s="7"/>
      <c r="X5" s="7" t="s">
        <v>1</v>
      </c>
      <c r="Y5" s="7"/>
      <c r="Z5" s="7" t="s">
        <v>2</v>
      </c>
      <c r="AA5" s="7"/>
      <c r="AB5" s="8" t="s">
        <v>3</v>
      </c>
      <c r="BI5" s="5"/>
      <c r="BU5" s="6"/>
    </row>
    <row r="6" spans="1:74" ht="6" customHeight="1" x14ac:dyDescent="0.2">
      <c r="R6" s="9"/>
      <c r="S6" s="9"/>
      <c r="T6" s="9"/>
      <c r="U6" s="9"/>
      <c r="V6" s="10"/>
      <c r="W6" s="10"/>
      <c r="X6" s="10"/>
      <c r="Y6" s="10"/>
      <c r="Z6" s="10"/>
      <c r="AA6" s="10"/>
      <c r="AB6" s="10"/>
      <c r="BG6" s="5"/>
      <c r="BH6" s="5"/>
      <c r="BI6" s="5"/>
      <c r="BS6" s="6"/>
      <c r="BT6" s="6"/>
      <c r="BU6" s="6"/>
    </row>
    <row r="7" spans="1:74" ht="18.75" customHeight="1" x14ac:dyDescent="0.2">
      <c r="A7" s="11"/>
      <c r="B7" s="12" t="s">
        <v>75</v>
      </c>
      <c r="C7" s="12"/>
      <c r="D7" s="12"/>
      <c r="E7" s="12"/>
      <c r="F7" s="12"/>
      <c r="G7" s="12"/>
      <c r="H7" s="12"/>
      <c r="I7" s="12"/>
      <c r="J7" s="12"/>
      <c r="K7" s="13"/>
      <c r="L7" s="14"/>
      <c r="M7" s="14"/>
      <c r="N7" s="14"/>
      <c r="O7" s="14"/>
      <c r="P7" s="14"/>
      <c r="Q7" s="14"/>
      <c r="R7" s="14"/>
      <c r="S7" s="14"/>
      <c r="T7" s="15"/>
      <c r="U7" s="12"/>
      <c r="V7" s="12"/>
      <c r="W7" s="12"/>
      <c r="X7" s="12"/>
      <c r="Y7" s="12"/>
      <c r="Z7" s="12"/>
      <c r="AA7" s="12"/>
      <c r="AB7" s="12"/>
      <c r="BG7" s="5"/>
      <c r="BH7" s="5"/>
      <c r="BI7" s="5"/>
      <c r="BS7" s="6"/>
      <c r="BT7" s="6"/>
      <c r="BU7" s="6"/>
    </row>
    <row r="8" spans="1:74" ht="18.75" customHeight="1" x14ac:dyDescent="0.2">
      <c r="A8" s="11"/>
      <c r="B8" s="12" t="s">
        <v>4</v>
      </c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12"/>
      <c r="X8" s="12"/>
      <c r="Y8" s="12"/>
      <c r="Z8" s="12"/>
      <c r="AA8" s="12"/>
      <c r="AB8" s="12"/>
    </row>
    <row r="9" spans="1:74" ht="18.75" customHeight="1" x14ac:dyDescent="0.2">
      <c r="A9" s="11"/>
      <c r="B9" s="12"/>
      <c r="C9" s="12"/>
      <c r="D9" s="12"/>
      <c r="E9" s="12"/>
      <c r="F9" s="12"/>
      <c r="G9" s="12"/>
      <c r="H9" s="12"/>
      <c r="I9" s="12"/>
      <c r="J9" s="12"/>
      <c r="K9" s="12"/>
      <c r="L9" s="16"/>
      <c r="M9" s="104" t="s">
        <v>5</v>
      </c>
      <c r="N9" s="105"/>
      <c r="O9" s="105"/>
      <c r="P9" s="105"/>
      <c r="Q9" s="105"/>
      <c r="R9" s="105"/>
      <c r="S9" s="105"/>
      <c r="T9" s="105"/>
      <c r="U9" s="105"/>
      <c r="V9" s="105"/>
      <c r="W9" s="105"/>
      <c r="X9" s="105"/>
      <c r="Y9" s="105"/>
      <c r="Z9" s="105"/>
      <c r="AA9" s="105"/>
      <c r="AB9" s="105"/>
      <c r="BI9" s="5"/>
      <c r="BJ9" s="17"/>
      <c r="BK9" s="17"/>
      <c r="BL9" s="6"/>
      <c r="BM9" s="6"/>
      <c r="BN9" s="6"/>
      <c r="BO9" s="6"/>
      <c r="BP9" s="6"/>
      <c r="BQ9" s="6"/>
      <c r="BR9" s="6"/>
      <c r="BS9" s="6"/>
      <c r="BT9" s="6"/>
      <c r="BU9" s="6"/>
    </row>
    <row r="10" spans="1:74" ht="18.75" customHeight="1" x14ac:dyDescent="0.2">
      <c r="A10" s="11"/>
      <c r="B10" s="12"/>
      <c r="C10" s="12"/>
      <c r="D10" s="12"/>
      <c r="E10" s="12"/>
      <c r="F10" s="12"/>
      <c r="G10" s="12"/>
      <c r="H10" s="12"/>
      <c r="I10" s="12"/>
      <c r="J10" s="12"/>
      <c r="K10" s="12"/>
      <c r="L10" s="16"/>
      <c r="M10" s="106" t="s">
        <v>6</v>
      </c>
      <c r="N10" s="107"/>
      <c r="O10" s="107"/>
      <c r="P10" s="107"/>
      <c r="Q10" s="107"/>
      <c r="R10" s="107"/>
      <c r="S10" s="107"/>
      <c r="T10" s="107"/>
      <c r="U10" s="107"/>
      <c r="V10" s="107"/>
      <c r="W10" s="107"/>
      <c r="X10" s="107"/>
      <c r="Y10" s="107"/>
      <c r="Z10" s="107"/>
      <c r="AA10" s="107"/>
      <c r="AB10" s="107"/>
      <c r="BI10" s="6"/>
      <c r="BJ10" s="6"/>
      <c r="BK10" s="6"/>
      <c r="BL10" s="6"/>
      <c r="BM10" s="6"/>
      <c r="BN10" s="6"/>
      <c r="BO10" s="6"/>
      <c r="BP10" s="6"/>
      <c r="BQ10" s="6"/>
      <c r="BR10" s="6"/>
      <c r="BS10" s="6"/>
      <c r="BT10" s="6"/>
      <c r="BU10" s="6"/>
    </row>
    <row r="11" spans="1:74" ht="18.75" customHeight="1" x14ac:dyDescent="0.2">
      <c r="A11" s="18"/>
      <c r="B11" s="12"/>
      <c r="C11" s="12"/>
      <c r="D11" s="12"/>
      <c r="E11" s="12"/>
      <c r="F11" s="12"/>
      <c r="G11" s="12"/>
      <c r="H11" s="12"/>
      <c r="I11" s="12"/>
      <c r="J11" s="12"/>
      <c r="K11" s="12"/>
      <c r="L11" s="16"/>
      <c r="M11" s="106" t="s">
        <v>7</v>
      </c>
      <c r="N11" s="107"/>
      <c r="O11" s="107"/>
      <c r="P11" s="107"/>
      <c r="Q11" s="107"/>
      <c r="R11" s="107"/>
      <c r="S11" s="107"/>
      <c r="T11" s="107"/>
      <c r="U11" s="107"/>
      <c r="V11" s="107"/>
      <c r="W11" s="107"/>
      <c r="X11" s="107"/>
      <c r="Y11" s="107"/>
      <c r="Z11" s="107"/>
      <c r="AA11" s="107"/>
      <c r="AB11" s="107"/>
    </row>
    <row r="12" spans="1:74" ht="6" customHeight="1" x14ac:dyDescent="0.2">
      <c r="A12" s="19"/>
      <c r="B12" s="20"/>
      <c r="C12" s="20"/>
      <c r="D12" s="20"/>
      <c r="E12" s="20"/>
      <c r="F12" s="20"/>
      <c r="G12" s="20"/>
      <c r="H12" s="20"/>
      <c r="I12" s="20"/>
      <c r="J12" s="20"/>
      <c r="K12" s="20"/>
      <c r="L12" s="20"/>
      <c r="M12" s="20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21"/>
      <c r="AA12" s="21"/>
      <c r="AB12" s="21"/>
    </row>
    <row r="13" spans="1:74" ht="22.5" customHeight="1" x14ac:dyDescent="0.2">
      <c r="A13" s="19"/>
      <c r="B13" s="22" t="s">
        <v>8</v>
      </c>
      <c r="C13" s="20"/>
      <c r="D13" s="20"/>
      <c r="E13" s="20"/>
      <c r="F13" s="20"/>
      <c r="G13" s="20"/>
      <c r="H13" s="20"/>
      <c r="I13" s="20"/>
      <c r="J13" s="20"/>
      <c r="K13" s="20"/>
      <c r="L13" s="20"/>
      <c r="M13" s="20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21"/>
      <c r="AA13" s="21"/>
      <c r="AB13" s="21"/>
    </row>
    <row r="14" spans="1:74" ht="15.75" customHeight="1" x14ac:dyDescent="0.2">
      <c r="A14" s="19"/>
      <c r="B14" s="22"/>
      <c r="C14" s="20"/>
      <c r="D14" s="20"/>
      <c r="E14" s="20"/>
      <c r="F14" s="20"/>
      <c r="G14" s="20"/>
      <c r="H14" s="20"/>
      <c r="I14" s="20"/>
      <c r="J14" s="20"/>
      <c r="K14" s="20"/>
      <c r="L14" s="20"/>
      <c r="M14" s="20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21"/>
      <c r="AA14" s="21"/>
      <c r="AB14" s="21"/>
    </row>
    <row r="15" spans="1:74" ht="18" customHeight="1" x14ac:dyDescent="0.2">
      <c r="A15" s="23" t="s">
        <v>9</v>
      </c>
      <c r="U15" s="24"/>
      <c r="V15" s="24"/>
      <c r="BV15" s="5"/>
    </row>
    <row r="16" spans="1:74" ht="24" customHeight="1" x14ac:dyDescent="0.2">
      <c r="A16" s="108" t="s">
        <v>10</v>
      </c>
      <c r="B16" s="109"/>
      <c r="C16" s="109"/>
      <c r="D16" s="110"/>
      <c r="E16" s="111"/>
      <c r="F16" s="112"/>
      <c r="G16" s="112"/>
      <c r="H16" s="112"/>
      <c r="I16" s="112"/>
      <c r="J16" s="112"/>
      <c r="K16" s="112"/>
      <c r="L16" s="112"/>
      <c r="M16" s="112" t="s">
        <v>11</v>
      </c>
      <c r="N16" s="112"/>
      <c r="O16" s="108" t="s">
        <v>12</v>
      </c>
      <c r="P16" s="109"/>
      <c r="Q16" s="109"/>
      <c r="R16" s="110"/>
      <c r="S16" s="113"/>
      <c r="T16" s="114"/>
      <c r="U16" s="114"/>
      <c r="V16" s="114"/>
      <c r="W16" s="114"/>
      <c r="X16" s="114"/>
      <c r="Y16" s="114"/>
      <c r="Z16" s="114"/>
      <c r="AA16" s="112" t="s">
        <v>13</v>
      </c>
      <c r="AB16" s="115"/>
      <c r="BJ16" s="4"/>
      <c r="BK16" s="4"/>
      <c r="BL16" s="25"/>
      <c r="BM16" s="6"/>
      <c r="BN16" s="6"/>
      <c r="BO16" s="6"/>
      <c r="BP16" s="6"/>
      <c r="BQ16" s="6"/>
      <c r="BR16" s="6"/>
      <c r="BS16" s="6"/>
      <c r="BT16" s="6"/>
      <c r="BU16" s="6"/>
    </row>
    <row r="17" spans="1:74" ht="40.5" customHeight="1" x14ac:dyDescent="0.2">
      <c r="A17" s="116" t="s">
        <v>14</v>
      </c>
      <c r="B17" s="117"/>
      <c r="C17" s="117"/>
      <c r="D17" s="118"/>
      <c r="E17" s="119" t="s">
        <v>15</v>
      </c>
      <c r="F17" s="120"/>
      <c r="G17" s="26"/>
      <c r="H17" s="26"/>
      <c r="I17" s="27"/>
      <c r="J17" s="27" t="s">
        <v>1</v>
      </c>
      <c r="K17" s="28"/>
      <c r="L17" s="28" t="s">
        <v>16</v>
      </c>
      <c r="M17" s="28"/>
      <c r="N17" s="28" t="s">
        <v>17</v>
      </c>
      <c r="O17" s="121" t="s">
        <v>18</v>
      </c>
      <c r="P17" s="117"/>
      <c r="Q17" s="117"/>
      <c r="R17" s="118"/>
      <c r="S17" s="122"/>
      <c r="T17" s="123"/>
      <c r="U17" s="123"/>
      <c r="V17" s="123"/>
      <c r="W17" s="123"/>
      <c r="X17" s="123"/>
      <c r="Y17" s="123"/>
      <c r="Z17" s="123"/>
      <c r="AA17" s="123"/>
      <c r="AB17" s="124"/>
      <c r="BJ17" s="4"/>
      <c r="BK17" s="4"/>
      <c r="BL17" s="25"/>
      <c r="BM17" s="6"/>
      <c r="BN17" s="6"/>
      <c r="BO17" s="6"/>
      <c r="BP17" s="6"/>
      <c r="BQ17" s="6"/>
      <c r="BR17" s="6"/>
      <c r="BS17" s="6"/>
      <c r="BT17" s="6"/>
      <c r="BU17" s="6"/>
    </row>
    <row r="18" spans="1:74" ht="34.5" customHeight="1" x14ac:dyDescent="0.2">
      <c r="A18" s="92" t="s">
        <v>19</v>
      </c>
      <c r="B18" s="93"/>
      <c r="C18" s="93"/>
      <c r="D18" s="94"/>
      <c r="E18" s="95"/>
      <c r="F18" s="96"/>
      <c r="G18" s="96"/>
      <c r="H18" s="96"/>
      <c r="I18" s="96"/>
      <c r="J18" s="96"/>
      <c r="K18" s="27" t="s">
        <v>20</v>
      </c>
      <c r="L18" s="28"/>
      <c r="M18" s="29" t="s">
        <v>21</v>
      </c>
      <c r="N18" s="97" t="s">
        <v>22</v>
      </c>
      <c r="O18" s="98"/>
      <c r="P18" s="98"/>
      <c r="Q18" s="98"/>
      <c r="R18" s="98"/>
      <c r="S18" s="99"/>
      <c r="T18" s="99"/>
      <c r="U18" s="99"/>
      <c r="V18" s="99"/>
      <c r="W18" s="99"/>
      <c r="X18" s="99"/>
      <c r="Y18" s="99"/>
      <c r="Z18" s="99"/>
      <c r="AA18" s="99"/>
      <c r="AB18" s="100"/>
      <c r="BJ18" s="4"/>
      <c r="BK18" s="4"/>
      <c r="BL18" s="25"/>
      <c r="BM18" s="6"/>
      <c r="BN18" s="6"/>
      <c r="BO18" s="6"/>
      <c r="BP18" s="6"/>
      <c r="BQ18" s="6"/>
      <c r="BR18" s="6"/>
      <c r="BS18" s="6"/>
      <c r="BT18" s="6"/>
      <c r="BU18" s="6"/>
    </row>
    <row r="19" spans="1:74" ht="24" customHeight="1" x14ac:dyDescent="0.2">
      <c r="A19" s="125" t="s">
        <v>23</v>
      </c>
      <c r="B19" s="126"/>
      <c r="C19" s="126"/>
      <c r="D19" s="127"/>
      <c r="E19" s="30"/>
      <c r="F19" s="30"/>
      <c r="G19" s="123" t="s">
        <v>24</v>
      </c>
      <c r="H19" s="123"/>
      <c r="I19" s="123"/>
      <c r="J19" s="123"/>
      <c r="K19" s="123"/>
      <c r="L19" s="30"/>
      <c r="M19" s="30"/>
      <c r="N19" s="123" t="s">
        <v>25</v>
      </c>
      <c r="O19" s="128"/>
      <c r="P19" s="128"/>
      <c r="Q19" s="128"/>
      <c r="R19" s="128"/>
      <c r="S19" s="30"/>
      <c r="T19" s="30"/>
      <c r="U19" s="129" t="s">
        <v>26</v>
      </c>
      <c r="V19" s="96"/>
      <c r="W19" s="96"/>
      <c r="X19" s="96"/>
      <c r="Y19" s="96"/>
      <c r="Z19" s="31"/>
      <c r="AA19" s="31"/>
      <c r="AB19" s="32"/>
      <c r="BJ19" s="4"/>
      <c r="BK19" s="4"/>
      <c r="BL19" s="25"/>
      <c r="BM19" s="6"/>
      <c r="BN19" s="6"/>
      <c r="BO19" s="6"/>
      <c r="BP19" s="6"/>
      <c r="BQ19" s="6"/>
      <c r="BR19" s="6"/>
      <c r="BS19" s="6"/>
      <c r="BT19" s="6"/>
      <c r="BU19" s="6"/>
    </row>
    <row r="20" spans="1:74" ht="17.25" customHeight="1" x14ac:dyDescent="0.2">
      <c r="A20" s="130" t="s">
        <v>27</v>
      </c>
      <c r="B20" s="131"/>
      <c r="C20" s="131"/>
      <c r="D20" s="131"/>
      <c r="E20" s="134"/>
      <c r="F20" s="135"/>
      <c r="G20" s="135"/>
      <c r="H20" s="135"/>
      <c r="I20" s="135"/>
      <c r="J20" s="135"/>
      <c r="K20" s="135"/>
      <c r="L20" s="135"/>
      <c r="M20" s="135"/>
      <c r="N20" s="135"/>
      <c r="O20" s="135"/>
      <c r="P20" s="135"/>
      <c r="Q20" s="135"/>
      <c r="R20" s="135"/>
      <c r="S20" s="135"/>
      <c r="T20" s="135"/>
      <c r="U20" s="135"/>
      <c r="V20" s="135"/>
      <c r="W20" s="135"/>
      <c r="X20" s="135"/>
      <c r="Y20" s="135"/>
      <c r="Z20" s="135"/>
      <c r="AA20" s="135"/>
      <c r="AB20" s="136"/>
      <c r="BK20" s="6"/>
      <c r="BL20" s="6"/>
      <c r="BM20" s="6"/>
      <c r="BN20" s="6"/>
      <c r="BV20" s="5"/>
    </row>
    <row r="21" spans="1:74" ht="17.25" customHeight="1" x14ac:dyDescent="0.2">
      <c r="A21" s="132"/>
      <c r="B21" s="133"/>
      <c r="C21" s="133"/>
      <c r="D21" s="133"/>
      <c r="E21" s="137"/>
      <c r="F21" s="138"/>
      <c r="G21" s="138"/>
      <c r="H21" s="138"/>
      <c r="I21" s="138"/>
      <c r="J21" s="138"/>
      <c r="K21" s="138"/>
      <c r="L21" s="138"/>
      <c r="M21" s="138"/>
      <c r="N21" s="138"/>
      <c r="O21" s="138"/>
      <c r="P21" s="138"/>
      <c r="Q21" s="138"/>
      <c r="R21" s="138"/>
      <c r="S21" s="138"/>
      <c r="T21" s="138"/>
      <c r="U21" s="138"/>
      <c r="V21" s="138"/>
      <c r="W21" s="138"/>
      <c r="X21" s="138"/>
      <c r="Y21" s="138"/>
      <c r="Z21" s="138"/>
      <c r="AA21" s="138"/>
      <c r="AB21" s="139"/>
      <c r="BJ21" s="25"/>
      <c r="BL21" s="6"/>
      <c r="BM21" s="6"/>
      <c r="BN21" s="6"/>
      <c r="BO21" s="6"/>
      <c r="BP21" s="6"/>
      <c r="BQ21" s="6"/>
      <c r="BR21" s="6"/>
      <c r="BS21" s="6"/>
      <c r="BT21" s="6"/>
      <c r="BU21" s="6"/>
    </row>
    <row r="22" spans="1:74" ht="15" customHeight="1" x14ac:dyDescent="0.2">
      <c r="A22" s="33"/>
      <c r="B22" s="140" t="s">
        <v>28</v>
      </c>
      <c r="C22" s="141"/>
      <c r="D22" s="141"/>
      <c r="E22" s="141"/>
      <c r="F22" s="141"/>
      <c r="G22" s="141"/>
      <c r="H22" s="141"/>
      <c r="I22" s="141"/>
      <c r="J22" s="141"/>
      <c r="K22" s="141"/>
      <c r="L22" s="141"/>
      <c r="M22" s="141"/>
      <c r="N22" s="141"/>
      <c r="O22" s="141"/>
      <c r="P22" s="141"/>
      <c r="Q22" s="141"/>
      <c r="R22" s="141"/>
      <c r="S22" s="141"/>
      <c r="T22" s="141"/>
      <c r="U22" s="141"/>
      <c r="V22" s="141"/>
      <c r="W22" s="141"/>
      <c r="X22" s="141"/>
      <c r="Y22" s="141"/>
      <c r="Z22" s="141"/>
      <c r="AA22" s="141"/>
      <c r="AB22" s="141"/>
      <c r="BJ22" s="25"/>
      <c r="BL22" s="6"/>
      <c r="BM22" s="6"/>
      <c r="BN22" s="6"/>
      <c r="BO22" s="6"/>
      <c r="BP22" s="6"/>
      <c r="BQ22" s="6"/>
      <c r="BR22" s="6"/>
      <c r="BS22" s="6"/>
      <c r="BT22" s="6"/>
      <c r="BU22" s="6"/>
    </row>
    <row r="23" spans="1:74" ht="11.25" customHeight="1" x14ac:dyDescent="0.2">
      <c r="A23" s="34"/>
      <c r="B23" s="141"/>
      <c r="C23" s="141"/>
      <c r="D23" s="141"/>
      <c r="E23" s="141"/>
      <c r="F23" s="141"/>
      <c r="G23" s="141"/>
      <c r="H23" s="141"/>
      <c r="I23" s="141"/>
      <c r="J23" s="141"/>
      <c r="K23" s="141"/>
      <c r="L23" s="141"/>
      <c r="M23" s="141"/>
      <c r="N23" s="141"/>
      <c r="O23" s="141"/>
      <c r="P23" s="141"/>
      <c r="Q23" s="141"/>
      <c r="R23" s="141"/>
      <c r="S23" s="141"/>
      <c r="T23" s="141"/>
      <c r="U23" s="141"/>
      <c r="V23" s="141"/>
      <c r="W23" s="141"/>
      <c r="X23" s="141"/>
      <c r="Y23" s="141"/>
      <c r="Z23" s="141"/>
      <c r="AA23" s="141"/>
      <c r="AB23" s="141"/>
      <c r="BJ23" s="25"/>
      <c r="BL23" s="6"/>
      <c r="BV23" s="5"/>
    </row>
    <row r="24" spans="1:74" ht="11.25" customHeight="1" x14ac:dyDescent="0.2">
      <c r="A24" s="34"/>
      <c r="B24" s="35"/>
      <c r="C24" s="35"/>
      <c r="D24" s="35"/>
      <c r="E24" s="35"/>
      <c r="F24" s="35"/>
      <c r="G24" s="35"/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5"/>
      <c r="T24" s="35"/>
      <c r="U24" s="35"/>
      <c r="V24" s="35"/>
      <c r="W24" s="35"/>
      <c r="X24" s="35"/>
      <c r="Y24" s="35"/>
      <c r="Z24" s="35"/>
      <c r="AA24" s="35"/>
      <c r="AB24" s="35"/>
      <c r="BJ24" s="25"/>
      <c r="BL24" s="6"/>
      <c r="BV24" s="5"/>
    </row>
    <row r="25" spans="1:74" ht="18" customHeight="1" x14ac:dyDescent="0.2">
      <c r="A25" s="36" t="s">
        <v>29</v>
      </c>
      <c r="B25" s="37"/>
      <c r="C25" s="37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38"/>
      <c r="P25" s="38"/>
      <c r="Q25" s="38"/>
      <c r="R25" s="38"/>
      <c r="S25" s="38"/>
      <c r="T25" s="38"/>
      <c r="U25" s="38"/>
      <c r="V25" s="38"/>
      <c r="W25" s="38"/>
      <c r="X25" s="38"/>
      <c r="Y25" s="38"/>
      <c r="Z25" s="38"/>
      <c r="AA25" s="39"/>
      <c r="AB25" s="6"/>
      <c r="BJ25" s="25"/>
      <c r="BL25" s="6"/>
      <c r="BV25" s="5"/>
    </row>
    <row r="26" spans="1:74" ht="15" customHeight="1" x14ac:dyDescent="0.2">
      <c r="A26" s="40"/>
      <c r="B26" s="41"/>
      <c r="C26" s="41"/>
      <c r="D26" s="41"/>
      <c r="E26" s="41"/>
      <c r="F26" s="42"/>
      <c r="G26" s="42"/>
      <c r="H26" s="42"/>
      <c r="I26" s="42"/>
      <c r="J26" s="42"/>
      <c r="K26" s="42"/>
      <c r="L26" s="42"/>
      <c r="M26" s="42"/>
      <c r="N26" s="42"/>
      <c r="O26" s="42"/>
      <c r="P26" s="42"/>
      <c r="Q26" s="42"/>
      <c r="R26" s="42"/>
      <c r="S26" s="42"/>
      <c r="T26" s="42"/>
      <c r="U26" s="42"/>
      <c r="V26" s="42"/>
      <c r="W26" s="42"/>
      <c r="X26" s="42"/>
      <c r="Y26" s="42"/>
      <c r="Z26" s="42"/>
      <c r="AA26" s="42"/>
      <c r="AB26" s="4"/>
      <c r="AZ26" s="5"/>
      <c r="BA26" s="5"/>
      <c r="BB26" s="5"/>
      <c r="BC26" s="5"/>
      <c r="BD26" s="5"/>
      <c r="BE26" s="5"/>
      <c r="BF26" s="5"/>
      <c r="BG26" s="5"/>
      <c r="BH26" s="5"/>
      <c r="BI26" s="5"/>
      <c r="BL26" s="6"/>
      <c r="BM26" s="6"/>
      <c r="BN26" s="6"/>
      <c r="BO26" s="6"/>
      <c r="BP26" s="6"/>
      <c r="BQ26" s="6"/>
      <c r="BR26" s="6"/>
      <c r="BS26" s="6"/>
      <c r="BT26" s="6"/>
      <c r="BU26" s="6"/>
    </row>
    <row r="27" spans="1:74" ht="15" customHeight="1" x14ac:dyDescent="0.2">
      <c r="A27" s="43" t="s">
        <v>30</v>
      </c>
      <c r="B27" s="37"/>
      <c r="C27" s="37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44"/>
      <c r="AB27" s="6"/>
      <c r="BJ27" s="25"/>
      <c r="BL27" s="6"/>
      <c r="BV27" s="5"/>
    </row>
    <row r="28" spans="1:74" ht="15" customHeight="1" x14ac:dyDescent="0.2">
      <c r="A28" s="142"/>
      <c r="B28" s="143"/>
      <c r="C28" s="143"/>
      <c r="D28" s="143"/>
      <c r="E28" s="143"/>
      <c r="F28" s="143"/>
      <c r="G28" s="143"/>
      <c r="H28" s="143"/>
      <c r="I28" s="143"/>
      <c r="J28" s="143"/>
      <c r="K28" s="143"/>
      <c r="L28" s="143"/>
      <c r="M28" s="143"/>
      <c r="N28" s="143"/>
      <c r="O28" s="143"/>
      <c r="P28" s="143"/>
      <c r="Q28" s="143"/>
      <c r="R28" s="143"/>
      <c r="S28" s="143"/>
      <c r="T28" s="143"/>
      <c r="U28" s="143"/>
      <c r="V28" s="143"/>
      <c r="W28" s="143"/>
      <c r="X28" s="143"/>
      <c r="Y28" s="143"/>
      <c r="Z28" s="143"/>
      <c r="AA28" s="143"/>
      <c r="AB28" s="144"/>
      <c r="BJ28" s="25"/>
      <c r="BL28" s="6"/>
      <c r="BV28" s="5"/>
    </row>
    <row r="29" spans="1:74" ht="15" customHeight="1" x14ac:dyDescent="0.2">
      <c r="A29" s="145"/>
      <c r="B29" s="146"/>
      <c r="C29" s="146"/>
      <c r="D29" s="146"/>
      <c r="E29" s="146"/>
      <c r="F29" s="146"/>
      <c r="G29" s="146"/>
      <c r="H29" s="146"/>
      <c r="I29" s="146"/>
      <c r="J29" s="146"/>
      <c r="K29" s="146"/>
      <c r="L29" s="146"/>
      <c r="M29" s="146"/>
      <c r="N29" s="146"/>
      <c r="O29" s="146"/>
      <c r="P29" s="146"/>
      <c r="Q29" s="146"/>
      <c r="R29" s="146"/>
      <c r="S29" s="146"/>
      <c r="T29" s="146"/>
      <c r="U29" s="146"/>
      <c r="V29" s="146"/>
      <c r="W29" s="146"/>
      <c r="X29" s="146"/>
      <c r="Y29" s="146"/>
      <c r="Z29" s="146"/>
      <c r="AA29" s="146"/>
      <c r="AB29" s="147"/>
      <c r="BJ29" s="25"/>
      <c r="BL29" s="6"/>
      <c r="BV29" s="5"/>
    </row>
    <row r="30" spans="1:74" ht="15" customHeight="1" x14ac:dyDescent="0.2">
      <c r="A30" s="145"/>
      <c r="B30" s="146"/>
      <c r="C30" s="146"/>
      <c r="D30" s="146"/>
      <c r="E30" s="146"/>
      <c r="F30" s="146"/>
      <c r="G30" s="146"/>
      <c r="H30" s="146"/>
      <c r="I30" s="146"/>
      <c r="J30" s="146"/>
      <c r="K30" s="146"/>
      <c r="L30" s="146"/>
      <c r="M30" s="146"/>
      <c r="N30" s="146"/>
      <c r="O30" s="146"/>
      <c r="P30" s="146"/>
      <c r="Q30" s="146"/>
      <c r="R30" s="146"/>
      <c r="S30" s="146"/>
      <c r="T30" s="146"/>
      <c r="U30" s="146"/>
      <c r="V30" s="146"/>
      <c r="W30" s="146"/>
      <c r="X30" s="146"/>
      <c r="Y30" s="146"/>
      <c r="Z30" s="146"/>
      <c r="AA30" s="146"/>
      <c r="AB30" s="147"/>
      <c r="BJ30" s="25"/>
      <c r="BL30" s="6"/>
      <c r="BV30" s="5"/>
    </row>
    <row r="31" spans="1:74" ht="15" customHeight="1" x14ac:dyDescent="0.2">
      <c r="A31" s="148"/>
      <c r="B31" s="149"/>
      <c r="C31" s="149"/>
      <c r="D31" s="149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49"/>
      <c r="P31" s="149"/>
      <c r="Q31" s="149"/>
      <c r="R31" s="149"/>
      <c r="S31" s="149"/>
      <c r="T31" s="149"/>
      <c r="U31" s="149"/>
      <c r="V31" s="149"/>
      <c r="W31" s="149"/>
      <c r="X31" s="149"/>
      <c r="Y31" s="149"/>
      <c r="Z31" s="149"/>
      <c r="AA31" s="149"/>
      <c r="AB31" s="150"/>
      <c r="BJ31" s="25"/>
      <c r="BL31" s="6"/>
      <c r="BV31" s="5"/>
    </row>
    <row r="32" spans="1:74" ht="15" customHeight="1" x14ac:dyDescent="0.2">
      <c r="A32" s="37"/>
      <c r="B32" s="37"/>
      <c r="C32" s="37"/>
      <c r="D32" s="37"/>
      <c r="E32" s="37"/>
      <c r="F32" s="37"/>
      <c r="G32" s="37"/>
      <c r="H32" s="37"/>
      <c r="I32" s="37"/>
      <c r="J32" s="37"/>
      <c r="K32" s="37"/>
      <c r="L32" s="37"/>
      <c r="M32" s="37"/>
      <c r="N32" s="37"/>
      <c r="O32" s="38"/>
      <c r="P32" s="38"/>
      <c r="Q32" s="38"/>
      <c r="R32" s="38"/>
      <c r="S32" s="38"/>
      <c r="T32" s="38"/>
      <c r="U32" s="38"/>
      <c r="V32" s="38"/>
      <c r="W32" s="38"/>
      <c r="X32" s="38"/>
      <c r="Y32" s="38"/>
      <c r="Z32" s="38"/>
      <c r="AA32" s="39"/>
      <c r="BJ32" s="25"/>
      <c r="BL32" s="6"/>
      <c r="BV32" s="5"/>
    </row>
    <row r="33" spans="1:74" ht="15" customHeight="1" x14ac:dyDescent="0.2">
      <c r="A33" s="43" t="s">
        <v>31</v>
      </c>
      <c r="B33" s="37"/>
      <c r="C33" s="37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37"/>
      <c r="O33" s="38"/>
      <c r="P33" s="38"/>
      <c r="Q33" s="38"/>
      <c r="R33" s="38"/>
      <c r="S33" s="38"/>
      <c r="T33" s="38"/>
      <c r="U33" s="38"/>
      <c r="V33" s="38"/>
      <c r="W33" s="38"/>
      <c r="X33" s="38"/>
      <c r="Y33" s="38"/>
      <c r="Z33" s="38"/>
      <c r="AA33" s="45"/>
      <c r="AB33" s="46"/>
      <c r="BJ33" s="25"/>
      <c r="BK33" s="6"/>
      <c r="BL33" s="6"/>
      <c r="BM33" s="6"/>
      <c r="BN33" s="6"/>
      <c r="BO33" s="6"/>
      <c r="BP33" s="6"/>
      <c r="BQ33" s="6"/>
      <c r="BR33" s="6"/>
      <c r="BS33" s="6"/>
      <c r="BT33" s="6"/>
      <c r="BU33" s="6"/>
    </row>
    <row r="34" spans="1:74" ht="15" customHeight="1" x14ac:dyDescent="0.2">
      <c r="A34" s="142"/>
      <c r="B34" s="143"/>
      <c r="C34" s="143"/>
      <c r="D34" s="143"/>
      <c r="E34" s="143"/>
      <c r="F34" s="143"/>
      <c r="G34" s="143"/>
      <c r="H34" s="143"/>
      <c r="I34" s="143"/>
      <c r="J34" s="143"/>
      <c r="K34" s="143"/>
      <c r="L34" s="143"/>
      <c r="M34" s="143"/>
      <c r="N34" s="143"/>
      <c r="O34" s="143"/>
      <c r="P34" s="143"/>
      <c r="Q34" s="143"/>
      <c r="R34" s="143"/>
      <c r="S34" s="143"/>
      <c r="T34" s="143"/>
      <c r="U34" s="143"/>
      <c r="V34" s="143"/>
      <c r="W34" s="143"/>
      <c r="X34" s="143"/>
      <c r="Y34" s="143"/>
      <c r="Z34" s="143"/>
      <c r="AA34" s="143"/>
      <c r="AB34" s="144"/>
      <c r="BJ34" s="25"/>
      <c r="BK34" s="6"/>
      <c r="BL34" s="6"/>
      <c r="BM34" s="6"/>
      <c r="BN34" s="6"/>
      <c r="BO34" s="6"/>
      <c r="BP34" s="6"/>
      <c r="BQ34" s="6"/>
      <c r="BR34" s="6"/>
      <c r="BS34" s="6"/>
      <c r="BT34" s="6"/>
      <c r="BU34" s="6"/>
    </row>
    <row r="35" spans="1:74" ht="15" customHeight="1" x14ac:dyDescent="0.2">
      <c r="A35" s="145"/>
      <c r="B35" s="146"/>
      <c r="C35" s="146"/>
      <c r="D35" s="146"/>
      <c r="E35" s="146"/>
      <c r="F35" s="146"/>
      <c r="G35" s="146"/>
      <c r="H35" s="146"/>
      <c r="I35" s="146"/>
      <c r="J35" s="146"/>
      <c r="K35" s="146"/>
      <c r="L35" s="146"/>
      <c r="M35" s="146"/>
      <c r="N35" s="146"/>
      <c r="O35" s="146"/>
      <c r="P35" s="146"/>
      <c r="Q35" s="146"/>
      <c r="R35" s="146"/>
      <c r="S35" s="146"/>
      <c r="T35" s="146"/>
      <c r="U35" s="146"/>
      <c r="V35" s="146"/>
      <c r="W35" s="146"/>
      <c r="X35" s="146"/>
      <c r="Y35" s="146"/>
      <c r="Z35" s="146"/>
      <c r="AA35" s="146"/>
      <c r="AB35" s="147"/>
      <c r="BJ35" s="25"/>
      <c r="BK35" s="6"/>
      <c r="BL35" s="6"/>
      <c r="BM35" s="6"/>
      <c r="BN35" s="6"/>
      <c r="BO35" s="6"/>
      <c r="BP35" s="6"/>
      <c r="BQ35" s="6"/>
      <c r="BR35" s="6"/>
      <c r="BS35" s="6"/>
      <c r="BT35" s="6"/>
      <c r="BU35" s="6"/>
    </row>
    <row r="36" spans="1:74" ht="15" customHeight="1" x14ac:dyDescent="0.2">
      <c r="A36" s="145"/>
      <c r="B36" s="146"/>
      <c r="C36" s="146"/>
      <c r="D36" s="146"/>
      <c r="E36" s="146"/>
      <c r="F36" s="146"/>
      <c r="G36" s="146"/>
      <c r="H36" s="146"/>
      <c r="I36" s="146"/>
      <c r="J36" s="146"/>
      <c r="K36" s="146"/>
      <c r="L36" s="146"/>
      <c r="M36" s="146"/>
      <c r="N36" s="146"/>
      <c r="O36" s="146"/>
      <c r="P36" s="146"/>
      <c r="Q36" s="146"/>
      <c r="R36" s="146"/>
      <c r="S36" s="146"/>
      <c r="T36" s="146"/>
      <c r="U36" s="146"/>
      <c r="V36" s="146"/>
      <c r="W36" s="146"/>
      <c r="X36" s="146"/>
      <c r="Y36" s="146"/>
      <c r="Z36" s="146"/>
      <c r="AA36" s="146"/>
      <c r="AB36" s="147"/>
      <c r="BJ36" s="25"/>
      <c r="BK36" s="6"/>
      <c r="BL36" s="6"/>
    </row>
    <row r="37" spans="1:74" ht="15" customHeight="1" x14ac:dyDescent="0.2">
      <c r="A37" s="148"/>
      <c r="B37" s="149"/>
      <c r="C37" s="149"/>
      <c r="D37" s="149"/>
      <c r="E37" s="149"/>
      <c r="F37" s="149"/>
      <c r="G37" s="149"/>
      <c r="H37" s="149"/>
      <c r="I37" s="149"/>
      <c r="J37" s="149"/>
      <c r="K37" s="149"/>
      <c r="L37" s="149"/>
      <c r="M37" s="149"/>
      <c r="N37" s="149"/>
      <c r="O37" s="149"/>
      <c r="P37" s="149"/>
      <c r="Q37" s="149"/>
      <c r="R37" s="149"/>
      <c r="S37" s="149"/>
      <c r="T37" s="149"/>
      <c r="U37" s="149"/>
      <c r="V37" s="149"/>
      <c r="W37" s="149"/>
      <c r="X37" s="149"/>
      <c r="Y37" s="149"/>
      <c r="Z37" s="149"/>
      <c r="AA37" s="149"/>
      <c r="AB37" s="150"/>
      <c r="BJ37" s="25"/>
      <c r="BK37" s="6"/>
      <c r="BL37" s="6"/>
    </row>
    <row r="38" spans="1:74" ht="15" customHeight="1" x14ac:dyDescent="0.2">
      <c r="A38" s="37"/>
      <c r="B38" s="37"/>
      <c r="C38" s="37"/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47"/>
      <c r="AB38" s="6"/>
      <c r="BJ38" s="25"/>
      <c r="BK38" s="6"/>
    </row>
    <row r="39" spans="1:74" ht="15" customHeight="1" x14ac:dyDescent="0.2">
      <c r="A39" s="43" t="s">
        <v>32</v>
      </c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8"/>
      <c r="P39" s="38"/>
      <c r="Q39" s="38"/>
      <c r="R39" s="38"/>
      <c r="S39" s="38"/>
      <c r="T39" s="38"/>
      <c r="U39" s="38"/>
      <c r="V39" s="38"/>
      <c r="W39" s="38"/>
      <c r="X39" s="38"/>
      <c r="Y39" s="38"/>
      <c r="Z39" s="38"/>
      <c r="AA39" s="47"/>
      <c r="AB39" s="6"/>
      <c r="BJ39" s="25"/>
      <c r="BK39" s="6"/>
    </row>
    <row r="40" spans="1:74" s="5" customFormat="1" ht="15" customHeight="1" x14ac:dyDescent="0.2">
      <c r="A40" s="142"/>
      <c r="B40" s="143"/>
      <c r="C40" s="143"/>
      <c r="D40" s="143"/>
      <c r="E40" s="143"/>
      <c r="F40" s="143"/>
      <c r="G40" s="143"/>
      <c r="H40" s="143"/>
      <c r="I40" s="143"/>
      <c r="J40" s="143"/>
      <c r="K40" s="143"/>
      <c r="L40" s="143"/>
      <c r="M40" s="143"/>
      <c r="N40" s="143"/>
      <c r="O40" s="143"/>
      <c r="P40" s="143"/>
      <c r="Q40" s="143"/>
      <c r="R40" s="143"/>
      <c r="S40" s="143"/>
      <c r="T40" s="143"/>
      <c r="U40" s="143"/>
      <c r="V40" s="143"/>
      <c r="W40" s="143"/>
      <c r="X40" s="143"/>
      <c r="Y40" s="143"/>
      <c r="Z40" s="143"/>
      <c r="AA40" s="143"/>
      <c r="AB40" s="14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25"/>
      <c r="BK40" s="6"/>
      <c r="BV40" s="6"/>
    </row>
    <row r="41" spans="1:74" s="5" customFormat="1" ht="15" customHeight="1" x14ac:dyDescent="0.2">
      <c r="A41" s="145"/>
      <c r="B41" s="146"/>
      <c r="C41" s="146"/>
      <c r="D41" s="146"/>
      <c r="E41" s="146"/>
      <c r="F41" s="146"/>
      <c r="G41" s="146"/>
      <c r="H41" s="146"/>
      <c r="I41" s="146"/>
      <c r="J41" s="146"/>
      <c r="K41" s="146"/>
      <c r="L41" s="146"/>
      <c r="M41" s="146"/>
      <c r="N41" s="146"/>
      <c r="O41" s="146"/>
      <c r="P41" s="146"/>
      <c r="Q41" s="146"/>
      <c r="R41" s="146"/>
      <c r="S41" s="146"/>
      <c r="T41" s="146"/>
      <c r="U41" s="146"/>
      <c r="V41" s="146"/>
      <c r="W41" s="146"/>
      <c r="X41" s="146"/>
      <c r="Y41" s="146"/>
      <c r="Z41" s="146"/>
      <c r="AA41" s="146"/>
      <c r="AB41" s="147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25"/>
      <c r="BK41" s="6"/>
      <c r="BV41" s="6"/>
    </row>
    <row r="42" spans="1:74" s="5" customFormat="1" ht="15" customHeight="1" x14ac:dyDescent="0.2">
      <c r="A42" s="145"/>
      <c r="B42" s="146"/>
      <c r="C42" s="146"/>
      <c r="D42" s="146"/>
      <c r="E42" s="146"/>
      <c r="F42" s="146"/>
      <c r="G42" s="146"/>
      <c r="H42" s="146"/>
      <c r="I42" s="146"/>
      <c r="J42" s="146"/>
      <c r="K42" s="146"/>
      <c r="L42" s="146"/>
      <c r="M42" s="146"/>
      <c r="N42" s="146"/>
      <c r="O42" s="146"/>
      <c r="P42" s="146"/>
      <c r="Q42" s="146"/>
      <c r="R42" s="146"/>
      <c r="S42" s="146"/>
      <c r="T42" s="146"/>
      <c r="U42" s="146"/>
      <c r="V42" s="146"/>
      <c r="W42" s="146"/>
      <c r="X42" s="146"/>
      <c r="Y42" s="146"/>
      <c r="Z42" s="146"/>
      <c r="AA42" s="146"/>
      <c r="AB42" s="147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25"/>
      <c r="BK42" s="6"/>
      <c r="BV42" s="6"/>
    </row>
    <row r="43" spans="1:74" s="5" customFormat="1" ht="15" customHeight="1" x14ac:dyDescent="0.2">
      <c r="A43" s="148"/>
      <c r="B43" s="149"/>
      <c r="C43" s="149"/>
      <c r="D43" s="149"/>
      <c r="E43" s="149"/>
      <c r="F43" s="149"/>
      <c r="G43" s="149"/>
      <c r="H43" s="149"/>
      <c r="I43" s="149"/>
      <c r="J43" s="149"/>
      <c r="K43" s="149"/>
      <c r="L43" s="149"/>
      <c r="M43" s="149"/>
      <c r="N43" s="149"/>
      <c r="O43" s="149"/>
      <c r="P43" s="149"/>
      <c r="Q43" s="149"/>
      <c r="R43" s="149"/>
      <c r="S43" s="149"/>
      <c r="T43" s="149"/>
      <c r="U43" s="149"/>
      <c r="V43" s="149"/>
      <c r="W43" s="149"/>
      <c r="X43" s="149"/>
      <c r="Y43" s="149"/>
      <c r="Z43" s="149"/>
      <c r="AA43" s="149"/>
      <c r="AB43" s="150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25"/>
      <c r="BK43" s="6"/>
      <c r="BV43" s="6"/>
    </row>
    <row r="44" spans="1:74" s="5" customFormat="1" ht="15" customHeight="1" x14ac:dyDescent="0.2">
      <c r="A44" s="6"/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AA44" s="47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25"/>
      <c r="BK44" s="6"/>
      <c r="BV44" s="6"/>
    </row>
    <row r="45" spans="1:74" x14ac:dyDescent="0.2">
      <c r="A45" s="43" t="s">
        <v>33</v>
      </c>
      <c r="B45" s="37"/>
      <c r="C45" s="37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8"/>
      <c r="P45" s="38"/>
      <c r="Q45" s="38"/>
      <c r="R45" s="38"/>
      <c r="S45" s="38"/>
      <c r="T45" s="38"/>
      <c r="U45" s="38"/>
      <c r="V45" s="38"/>
      <c r="W45" s="38"/>
      <c r="X45" s="38"/>
      <c r="Y45" s="38"/>
      <c r="Z45" s="38"/>
      <c r="AA45" s="47"/>
      <c r="AB45" s="6"/>
    </row>
    <row r="46" spans="1:74" x14ac:dyDescent="0.2">
      <c r="A46" s="142"/>
      <c r="B46" s="143"/>
      <c r="C46" s="143"/>
      <c r="D46" s="143"/>
      <c r="E46" s="143"/>
      <c r="F46" s="143"/>
      <c r="G46" s="143"/>
      <c r="H46" s="143"/>
      <c r="I46" s="143"/>
      <c r="J46" s="143"/>
      <c r="K46" s="143"/>
      <c r="L46" s="143"/>
      <c r="M46" s="143"/>
      <c r="N46" s="143"/>
      <c r="O46" s="143"/>
      <c r="P46" s="143"/>
      <c r="Q46" s="143"/>
      <c r="R46" s="143"/>
      <c r="S46" s="143"/>
      <c r="T46" s="143"/>
      <c r="U46" s="143"/>
      <c r="V46" s="143"/>
      <c r="W46" s="143"/>
      <c r="X46" s="143"/>
      <c r="Y46" s="143"/>
      <c r="Z46" s="143"/>
      <c r="AA46" s="143"/>
      <c r="AB46" s="144"/>
    </row>
    <row r="47" spans="1:74" x14ac:dyDescent="0.2">
      <c r="A47" s="145"/>
      <c r="B47" s="146"/>
      <c r="C47" s="146"/>
      <c r="D47" s="146"/>
      <c r="E47" s="146"/>
      <c r="F47" s="146"/>
      <c r="G47" s="146"/>
      <c r="H47" s="146"/>
      <c r="I47" s="146"/>
      <c r="J47" s="146"/>
      <c r="K47" s="146"/>
      <c r="L47" s="146"/>
      <c r="M47" s="146"/>
      <c r="N47" s="146"/>
      <c r="O47" s="146"/>
      <c r="P47" s="146"/>
      <c r="Q47" s="146"/>
      <c r="R47" s="146"/>
      <c r="S47" s="146"/>
      <c r="T47" s="146"/>
      <c r="U47" s="146"/>
      <c r="V47" s="146"/>
      <c r="W47" s="146"/>
      <c r="X47" s="146"/>
      <c r="Y47" s="146"/>
      <c r="Z47" s="146"/>
      <c r="AA47" s="146"/>
      <c r="AB47" s="147"/>
    </row>
    <row r="48" spans="1:74" x14ac:dyDescent="0.2">
      <c r="A48" s="145"/>
      <c r="B48" s="146"/>
      <c r="C48" s="146"/>
      <c r="D48" s="146"/>
      <c r="E48" s="146"/>
      <c r="F48" s="146"/>
      <c r="G48" s="146"/>
      <c r="H48" s="146"/>
      <c r="I48" s="146"/>
      <c r="J48" s="146"/>
      <c r="K48" s="146"/>
      <c r="L48" s="146"/>
      <c r="M48" s="146"/>
      <c r="N48" s="146"/>
      <c r="O48" s="146"/>
      <c r="P48" s="146"/>
      <c r="Q48" s="146"/>
      <c r="R48" s="146"/>
      <c r="S48" s="146"/>
      <c r="T48" s="146"/>
      <c r="U48" s="146"/>
      <c r="V48" s="146"/>
      <c r="W48" s="146"/>
      <c r="X48" s="146"/>
      <c r="Y48" s="146"/>
      <c r="Z48" s="146"/>
      <c r="AA48" s="146"/>
      <c r="AB48" s="147"/>
    </row>
    <row r="49" spans="1:28" x14ac:dyDescent="0.2">
      <c r="A49" s="145"/>
      <c r="B49" s="146"/>
      <c r="C49" s="146"/>
      <c r="D49" s="146"/>
      <c r="E49" s="146"/>
      <c r="F49" s="146"/>
      <c r="G49" s="146"/>
      <c r="H49" s="146"/>
      <c r="I49" s="146"/>
      <c r="J49" s="146"/>
      <c r="K49" s="146"/>
      <c r="L49" s="146"/>
      <c r="M49" s="146"/>
      <c r="N49" s="146"/>
      <c r="O49" s="146"/>
      <c r="P49" s="146"/>
      <c r="Q49" s="146"/>
      <c r="R49" s="146"/>
      <c r="S49" s="146"/>
      <c r="T49" s="146"/>
      <c r="U49" s="146"/>
      <c r="V49" s="146"/>
      <c r="W49" s="146"/>
      <c r="X49" s="146"/>
      <c r="Y49" s="146"/>
      <c r="Z49" s="146"/>
      <c r="AA49" s="146"/>
      <c r="AB49" s="147"/>
    </row>
    <row r="50" spans="1:28" x14ac:dyDescent="0.2">
      <c r="A50" s="145"/>
      <c r="B50" s="146"/>
      <c r="C50" s="146"/>
      <c r="D50" s="146"/>
      <c r="E50" s="146"/>
      <c r="F50" s="146"/>
      <c r="G50" s="146"/>
      <c r="H50" s="146"/>
      <c r="I50" s="146"/>
      <c r="J50" s="146"/>
      <c r="K50" s="146"/>
      <c r="L50" s="146"/>
      <c r="M50" s="146"/>
      <c r="N50" s="146"/>
      <c r="O50" s="146"/>
      <c r="P50" s="146"/>
      <c r="Q50" s="146"/>
      <c r="R50" s="146"/>
      <c r="S50" s="146"/>
      <c r="T50" s="146"/>
      <c r="U50" s="146"/>
      <c r="V50" s="146"/>
      <c r="W50" s="146"/>
      <c r="X50" s="146"/>
      <c r="Y50" s="146"/>
      <c r="Z50" s="146"/>
      <c r="AA50" s="146"/>
      <c r="AB50" s="147"/>
    </row>
    <row r="51" spans="1:28" x14ac:dyDescent="0.2">
      <c r="A51" s="148"/>
      <c r="B51" s="149"/>
      <c r="C51" s="149"/>
      <c r="D51" s="149"/>
      <c r="E51" s="149"/>
      <c r="F51" s="149"/>
      <c r="G51" s="149"/>
      <c r="H51" s="149"/>
      <c r="I51" s="149"/>
      <c r="J51" s="149"/>
      <c r="K51" s="149"/>
      <c r="L51" s="149"/>
      <c r="M51" s="149"/>
      <c r="N51" s="149"/>
      <c r="O51" s="149"/>
      <c r="P51" s="149"/>
      <c r="Q51" s="149"/>
      <c r="R51" s="149"/>
      <c r="S51" s="149"/>
      <c r="T51" s="149"/>
      <c r="U51" s="149"/>
      <c r="V51" s="149"/>
      <c r="W51" s="149"/>
      <c r="X51" s="149"/>
      <c r="Y51" s="149"/>
      <c r="Z51" s="149"/>
      <c r="AA51" s="149"/>
      <c r="AB51" s="150"/>
    </row>
  </sheetData>
  <mergeCells count="30">
    <mergeCell ref="A40:AB43"/>
    <mergeCell ref="A46:AB51"/>
    <mergeCell ref="A20:D21"/>
    <mergeCell ref="E20:AB21"/>
    <mergeCell ref="B22:AB23"/>
    <mergeCell ref="A28:AB31"/>
    <mergeCell ref="A34:AB37"/>
    <mergeCell ref="E17:F17"/>
    <mergeCell ref="O17:R17"/>
    <mergeCell ref="S17:AB17"/>
    <mergeCell ref="A19:D19"/>
    <mergeCell ref="G19:K19"/>
    <mergeCell ref="N19:R19"/>
    <mergeCell ref="U19:Y19"/>
    <mergeCell ref="A18:D18"/>
    <mergeCell ref="E18:J18"/>
    <mergeCell ref="N18:O18"/>
    <mergeCell ref="P18:AB18"/>
    <mergeCell ref="A3:AB4"/>
    <mergeCell ref="U5:V5"/>
    <mergeCell ref="M9:AB9"/>
    <mergeCell ref="M10:AB10"/>
    <mergeCell ref="M11:AB11"/>
    <mergeCell ref="A16:D16"/>
    <mergeCell ref="E16:L16"/>
    <mergeCell ref="M16:N16"/>
    <mergeCell ref="O16:R16"/>
    <mergeCell ref="S16:Z16"/>
    <mergeCell ref="AA16:AB16"/>
    <mergeCell ref="A17:D17"/>
  </mergeCells>
  <phoneticPr fontId="3"/>
  <pageMargins left="0.70866141732283472" right="0.70866141732283472" top="0.55118110236220474" bottom="0.55118110236220474" header="0.31496062992125984" footer="0.31496062992125984"/>
  <pageSetup paperSize="9" scale="93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 sizeWithCells="1">
                  <from>
                    <xdr:col>4</xdr:col>
                    <xdr:colOff>190500</xdr:colOff>
                    <xdr:row>18</xdr:row>
                    <xdr:rowOff>30480</xdr:rowOff>
                  </from>
                  <to>
                    <xdr:col>6</xdr:col>
                    <xdr:colOff>60960</xdr:colOff>
                    <xdr:row>19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 sizeWithCells="1">
                  <from>
                    <xdr:col>11</xdr:col>
                    <xdr:colOff>190500</xdr:colOff>
                    <xdr:row>18</xdr:row>
                    <xdr:rowOff>30480</xdr:rowOff>
                  </from>
                  <to>
                    <xdr:col>13</xdr:col>
                    <xdr:colOff>60960</xdr:colOff>
                    <xdr:row>19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 sizeWithCells="1">
                  <from>
                    <xdr:col>19</xdr:col>
                    <xdr:colOff>152400</xdr:colOff>
                    <xdr:row>18</xdr:row>
                    <xdr:rowOff>30480</xdr:rowOff>
                  </from>
                  <to>
                    <xdr:col>21</xdr:col>
                    <xdr:colOff>22860</xdr:colOff>
                    <xdr:row>19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R45"/>
  <sheetViews>
    <sheetView view="pageBreakPreview" zoomScaleNormal="100" zoomScaleSheetLayoutView="100" workbookViewId="0">
      <selection activeCell="U23" sqref="U23"/>
    </sheetView>
  </sheetViews>
  <sheetFormatPr defaultRowHeight="13.2" x14ac:dyDescent="0.2"/>
  <cols>
    <col min="1" max="8" width="2.88671875" style="49" customWidth="1"/>
    <col min="9" max="9" width="9.6640625" style="49" customWidth="1"/>
    <col min="10" max="10" width="4.109375" style="49" customWidth="1"/>
    <col min="11" max="11" width="9.6640625" style="49" customWidth="1"/>
    <col min="12" max="12" width="4.109375" style="49" customWidth="1"/>
    <col min="13" max="13" width="9.6640625" style="49" customWidth="1"/>
    <col min="14" max="14" width="4.109375" style="49" customWidth="1"/>
    <col min="15" max="15" width="9.6640625" style="49" customWidth="1"/>
    <col min="16" max="16" width="4.109375" style="49" customWidth="1"/>
    <col min="17" max="17" width="9.6640625" style="49" customWidth="1"/>
    <col min="18" max="18" width="4.109375" style="49" customWidth="1"/>
    <col min="19" max="253" width="8.88671875" style="49"/>
    <col min="254" max="254" width="1.33203125" style="49" customWidth="1"/>
    <col min="255" max="262" width="2.88671875" style="49" customWidth="1"/>
    <col min="263" max="263" width="10.109375" style="49" customWidth="1"/>
    <col min="264" max="264" width="4.109375" style="49" customWidth="1"/>
    <col min="265" max="265" width="10.109375" style="49" customWidth="1"/>
    <col min="266" max="266" width="4.109375" style="49" customWidth="1"/>
    <col min="267" max="267" width="10.109375" style="49" customWidth="1"/>
    <col min="268" max="268" width="4.109375" style="49" customWidth="1"/>
    <col min="269" max="269" width="10.109375" style="49" customWidth="1"/>
    <col min="270" max="270" width="4.109375" style="49" customWidth="1"/>
    <col min="271" max="271" width="10.109375" style="49" customWidth="1"/>
    <col min="272" max="272" width="4.109375" style="49" customWidth="1"/>
    <col min="273" max="273" width="12.6640625" style="49" customWidth="1"/>
    <col min="274" max="274" width="1.109375" style="49" customWidth="1"/>
    <col min="275" max="509" width="8.88671875" style="49"/>
    <col min="510" max="510" width="1.33203125" style="49" customWidth="1"/>
    <col min="511" max="518" width="2.88671875" style="49" customWidth="1"/>
    <col min="519" max="519" width="10.109375" style="49" customWidth="1"/>
    <col min="520" max="520" width="4.109375" style="49" customWidth="1"/>
    <col min="521" max="521" width="10.109375" style="49" customWidth="1"/>
    <col min="522" max="522" width="4.109375" style="49" customWidth="1"/>
    <col min="523" max="523" width="10.109375" style="49" customWidth="1"/>
    <col min="524" max="524" width="4.109375" style="49" customWidth="1"/>
    <col min="525" max="525" width="10.109375" style="49" customWidth="1"/>
    <col min="526" max="526" width="4.109375" style="49" customWidth="1"/>
    <col min="527" max="527" width="10.109375" style="49" customWidth="1"/>
    <col min="528" max="528" width="4.109375" style="49" customWidth="1"/>
    <col min="529" max="529" width="12.6640625" style="49" customWidth="1"/>
    <col min="530" max="530" width="1.109375" style="49" customWidth="1"/>
    <col min="531" max="765" width="8.88671875" style="49"/>
    <col min="766" max="766" width="1.33203125" style="49" customWidth="1"/>
    <col min="767" max="774" width="2.88671875" style="49" customWidth="1"/>
    <col min="775" max="775" width="10.109375" style="49" customWidth="1"/>
    <col min="776" max="776" width="4.109375" style="49" customWidth="1"/>
    <col min="777" max="777" width="10.109375" style="49" customWidth="1"/>
    <col min="778" max="778" width="4.109375" style="49" customWidth="1"/>
    <col min="779" max="779" width="10.109375" style="49" customWidth="1"/>
    <col min="780" max="780" width="4.109375" style="49" customWidth="1"/>
    <col min="781" max="781" width="10.109375" style="49" customWidth="1"/>
    <col min="782" max="782" width="4.109375" style="49" customWidth="1"/>
    <col min="783" max="783" width="10.109375" style="49" customWidth="1"/>
    <col min="784" max="784" width="4.109375" style="49" customWidth="1"/>
    <col min="785" max="785" width="12.6640625" style="49" customWidth="1"/>
    <col min="786" max="786" width="1.109375" style="49" customWidth="1"/>
    <col min="787" max="1021" width="8.88671875" style="49"/>
    <col min="1022" max="1022" width="1.33203125" style="49" customWidth="1"/>
    <col min="1023" max="1030" width="2.88671875" style="49" customWidth="1"/>
    <col min="1031" max="1031" width="10.109375" style="49" customWidth="1"/>
    <col min="1032" max="1032" width="4.109375" style="49" customWidth="1"/>
    <col min="1033" max="1033" width="10.109375" style="49" customWidth="1"/>
    <col min="1034" max="1034" width="4.109375" style="49" customWidth="1"/>
    <col min="1035" max="1035" width="10.109375" style="49" customWidth="1"/>
    <col min="1036" max="1036" width="4.109375" style="49" customWidth="1"/>
    <col min="1037" max="1037" width="10.109375" style="49" customWidth="1"/>
    <col min="1038" max="1038" width="4.109375" style="49" customWidth="1"/>
    <col min="1039" max="1039" width="10.109375" style="49" customWidth="1"/>
    <col min="1040" max="1040" width="4.109375" style="49" customWidth="1"/>
    <col min="1041" max="1041" width="12.6640625" style="49" customWidth="1"/>
    <col min="1042" max="1042" width="1.109375" style="49" customWidth="1"/>
    <col min="1043" max="1277" width="8.88671875" style="49"/>
    <col min="1278" max="1278" width="1.33203125" style="49" customWidth="1"/>
    <col min="1279" max="1286" width="2.88671875" style="49" customWidth="1"/>
    <col min="1287" max="1287" width="10.109375" style="49" customWidth="1"/>
    <col min="1288" max="1288" width="4.109375" style="49" customWidth="1"/>
    <col min="1289" max="1289" width="10.109375" style="49" customWidth="1"/>
    <col min="1290" max="1290" width="4.109375" style="49" customWidth="1"/>
    <col min="1291" max="1291" width="10.109375" style="49" customWidth="1"/>
    <col min="1292" max="1292" width="4.109375" style="49" customWidth="1"/>
    <col min="1293" max="1293" width="10.109375" style="49" customWidth="1"/>
    <col min="1294" max="1294" width="4.109375" style="49" customWidth="1"/>
    <col min="1295" max="1295" width="10.109375" style="49" customWidth="1"/>
    <col min="1296" max="1296" width="4.109375" style="49" customWidth="1"/>
    <col min="1297" max="1297" width="12.6640625" style="49" customWidth="1"/>
    <col min="1298" max="1298" width="1.109375" style="49" customWidth="1"/>
    <col min="1299" max="1533" width="8.88671875" style="49"/>
    <col min="1534" max="1534" width="1.33203125" style="49" customWidth="1"/>
    <col min="1535" max="1542" width="2.88671875" style="49" customWidth="1"/>
    <col min="1543" max="1543" width="10.109375" style="49" customWidth="1"/>
    <col min="1544" max="1544" width="4.109375" style="49" customWidth="1"/>
    <col min="1545" max="1545" width="10.109375" style="49" customWidth="1"/>
    <col min="1546" max="1546" width="4.109375" style="49" customWidth="1"/>
    <col min="1547" max="1547" width="10.109375" style="49" customWidth="1"/>
    <col min="1548" max="1548" width="4.109375" style="49" customWidth="1"/>
    <col min="1549" max="1549" width="10.109375" style="49" customWidth="1"/>
    <col min="1550" max="1550" width="4.109375" style="49" customWidth="1"/>
    <col min="1551" max="1551" width="10.109375" style="49" customWidth="1"/>
    <col min="1552" max="1552" width="4.109375" style="49" customWidth="1"/>
    <col min="1553" max="1553" width="12.6640625" style="49" customWidth="1"/>
    <col min="1554" max="1554" width="1.109375" style="49" customWidth="1"/>
    <col min="1555" max="1789" width="8.88671875" style="49"/>
    <col min="1790" max="1790" width="1.33203125" style="49" customWidth="1"/>
    <col min="1791" max="1798" width="2.88671875" style="49" customWidth="1"/>
    <col min="1799" max="1799" width="10.109375" style="49" customWidth="1"/>
    <col min="1800" max="1800" width="4.109375" style="49" customWidth="1"/>
    <col min="1801" max="1801" width="10.109375" style="49" customWidth="1"/>
    <col min="1802" max="1802" width="4.109375" style="49" customWidth="1"/>
    <col min="1803" max="1803" width="10.109375" style="49" customWidth="1"/>
    <col min="1804" max="1804" width="4.109375" style="49" customWidth="1"/>
    <col min="1805" max="1805" width="10.109375" style="49" customWidth="1"/>
    <col min="1806" max="1806" width="4.109375" style="49" customWidth="1"/>
    <col min="1807" max="1807" width="10.109375" style="49" customWidth="1"/>
    <col min="1808" max="1808" width="4.109375" style="49" customWidth="1"/>
    <col min="1809" max="1809" width="12.6640625" style="49" customWidth="1"/>
    <col min="1810" max="1810" width="1.109375" style="49" customWidth="1"/>
    <col min="1811" max="2045" width="8.88671875" style="49"/>
    <col min="2046" max="2046" width="1.33203125" style="49" customWidth="1"/>
    <col min="2047" max="2054" width="2.88671875" style="49" customWidth="1"/>
    <col min="2055" max="2055" width="10.109375" style="49" customWidth="1"/>
    <col min="2056" max="2056" width="4.109375" style="49" customWidth="1"/>
    <col min="2057" max="2057" width="10.109375" style="49" customWidth="1"/>
    <col min="2058" max="2058" width="4.109375" style="49" customWidth="1"/>
    <col min="2059" max="2059" width="10.109375" style="49" customWidth="1"/>
    <col min="2060" max="2060" width="4.109375" style="49" customWidth="1"/>
    <col min="2061" max="2061" width="10.109375" style="49" customWidth="1"/>
    <col min="2062" max="2062" width="4.109375" style="49" customWidth="1"/>
    <col min="2063" max="2063" width="10.109375" style="49" customWidth="1"/>
    <col min="2064" max="2064" width="4.109375" style="49" customWidth="1"/>
    <col min="2065" max="2065" width="12.6640625" style="49" customWidth="1"/>
    <col min="2066" max="2066" width="1.109375" style="49" customWidth="1"/>
    <col min="2067" max="2301" width="8.88671875" style="49"/>
    <col min="2302" max="2302" width="1.33203125" style="49" customWidth="1"/>
    <col min="2303" max="2310" width="2.88671875" style="49" customWidth="1"/>
    <col min="2311" max="2311" width="10.109375" style="49" customWidth="1"/>
    <col min="2312" max="2312" width="4.109375" style="49" customWidth="1"/>
    <col min="2313" max="2313" width="10.109375" style="49" customWidth="1"/>
    <col min="2314" max="2314" width="4.109375" style="49" customWidth="1"/>
    <col min="2315" max="2315" width="10.109375" style="49" customWidth="1"/>
    <col min="2316" max="2316" width="4.109375" style="49" customWidth="1"/>
    <col min="2317" max="2317" width="10.109375" style="49" customWidth="1"/>
    <col min="2318" max="2318" width="4.109375" style="49" customWidth="1"/>
    <col min="2319" max="2319" width="10.109375" style="49" customWidth="1"/>
    <col min="2320" max="2320" width="4.109375" style="49" customWidth="1"/>
    <col min="2321" max="2321" width="12.6640625" style="49" customWidth="1"/>
    <col min="2322" max="2322" width="1.109375" style="49" customWidth="1"/>
    <col min="2323" max="2557" width="8.88671875" style="49"/>
    <col min="2558" max="2558" width="1.33203125" style="49" customWidth="1"/>
    <col min="2559" max="2566" width="2.88671875" style="49" customWidth="1"/>
    <col min="2567" max="2567" width="10.109375" style="49" customWidth="1"/>
    <col min="2568" max="2568" width="4.109375" style="49" customWidth="1"/>
    <col min="2569" max="2569" width="10.109375" style="49" customWidth="1"/>
    <col min="2570" max="2570" width="4.109375" style="49" customWidth="1"/>
    <col min="2571" max="2571" width="10.109375" style="49" customWidth="1"/>
    <col min="2572" max="2572" width="4.109375" style="49" customWidth="1"/>
    <col min="2573" max="2573" width="10.109375" style="49" customWidth="1"/>
    <col min="2574" max="2574" width="4.109375" style="49" customWidth="1"/>
    <col min="2575" max="2575" width="10.109375" style="49" customWidth="1"/>
    <col min="2576" max="2576" width="4.109375" style="49" customWidth="1"/>
    <col min="2577" max="2577" width="12.6640625" style="49" customWidth="1"/>
    <col min="2578" max="2578" width="1.109375" style="49" customWidth="1"/>
    <col min="2579" max="2813" width="8.88671875" style="49"/>
    <col min="2814" max="2814" width="1.33203125" style="49" customWidth="1"/>
    <col min="2815" max="2822" width="2.88671875" style="49" customWidth="1"/>
    <col min="2823" max="2823" width="10.109375" style="49" customWidth="1"/>
    <col min="2824" max="2824" width="4.109375" style="49" customWidth="1"/>
    <col min="2825" max="2825" width="10.109375" style="49" customWidth="1"/>
    <col min="2826" max="2826" width="4.109375" style="49" customWidth="1"/>
    <col min="2827" max="2827" width="10.109375" style="49" customWidth="1"/>
    <col min="2828" max="2828" width="4.109375" style="49" customWidth="1"/>
    <col min="2829" max="2829" width="10.109375" style="49" customWidth="1"/>
    <col min="2830" max="2830" width="4.109375" style="49" customWidth="1"/>
    <col min="2831" max="2831" width="10.109375" style="49" customWidth="1"/>
    <col min="2832" max="2832" width="4.109375" style="49" customWidth="1"/>
    <col min="2833" max="2833" width="12.6640625" style="49" customWidth="1"/>
    <col min="2834" max="2834" width="1.109375" style="49" customWidth="1"/>
    <col min="2835" max="3069" width="8.88671875" style="49"/>
    <col min="3070" max="3070" width="1.33203125" style="49" customWidth="1"/>
    <col min="3071" max="3078" width="2.88671875" style="49" customWidth="1"/>
    <col min="3079" max="3079" width="10.109375" style="49" customWidth="1"/>
    <col min="3080" max="3080" width="4.109375" style="49" customWidth="1"/>
    <col min="3081" max="3081" width="10.109375" style="49" customWidth="1"/>
    <col min="3082" max="3082" width="4.109375" style="49" customWidth="1"/>
    <col min="3083" max="3083" width="10.109375" style="49" customWidth="1"/>
    <col min="3084" max="3084" width="4.109375" style="49" customWidth="1"/>
    <col min="3085" max="3085" width="10.109375" style="49" customWidth="1"/>
    <col min="3086" max="3086" width="4.109375" style="49" customWidth="1"/>
    <col min="3087" max="3087" width="10.109375" style="49" customWidth="1"/>
    <col min="3088" max="3088" width="4.109375" style="49" customWidth="1"/>
    <col min="3089" max="3089" width="12.6640625" style="49" customWidth="1"/>
    <col min="3090" max="3090" width="1.109375" style="49" customWidth="1"/>
    <col min="3091" max="3325" width="8.88671875" style="49"/>
    <col min="3326" max="3326" width="1.33203125" style="49" customWidth="1"/>
    <col min="3327" max="3334" width="2.88671875" style="49" customWidth="1"/>
    <col min="3335" max="3335" width="10.109375" style="49" customWidth="1"/>
    <col min="3336" max="3336" width="4.109375" style="49" customWidth="1"/>
    <col min="3337" max="3337" width="10.109375" style="49" customWidth="1"/>
    <col min="3338" max="3338" width="4.109375" style="49" customWidth="1"/>
    <col min="3339" max="3339" width="10.109375" style="49" customWidth="1"/>
    <col min="3340" max="3340" width="4.109375" style="49" customWidth="1"/>
    <col min="3341" max="3341" width="10.109375" style="49" customWidth="1"/>
    <col min="3342" max="3342" width="4.109375" style="49" customWidth="1"/>
    <col min="3343" max="3343" width="10.109375" style="49" customWidth="1"/>
    <col min="3344" max="3344" width="4.109375" style="49" customWidth="1"/>
    <col min="3345" max="3345" width="12.6640625" style="49" customWidth="1"/>
    <col min="3346" max="3346" width="1.109375" style="49" customWidth="1"/>
    <col min="3347" max="3581" width="8.88671875" style="49"/>
    <col min="3582" max="3582" width="1.33203125" style="49" customWidth="1"/>
    <col min="3583" max="3590" width="2.88671875" style="49" customWidth="1"/>
    <col min="3591" max="3591" width="10.109375" style="49" customWidth="1"/>
    <col min="3592" max="3592" width="4.109375" style="49" customWidth="1"/>
    <col min="3593" max="3593" width="10.109375" style="49" customWidth="1"/>
    <col min="3594" max="3594" width="4.109375" style="49" customWidth="1"/>
    <col min="3595" max="3595" width="10.109375" style="49" customWidth="1"/>
    <col min="3596" max="3596" width="4.109375" style="49" customWidth="1"/>
    <col min="3597" max="3597" width="10.109375" style="49" customWidth="1"/>
    <col min="3598" max="3598" width="4.109375" style="49" customWidth="1"/>
    <col min="3599" max="3599" width="10.109375" style="49" customWidth="1"/>
    <col min="3600" max="3600" width="4.109375" style="49" customWidth="1"/>
    <col min="3601" max="3601" width="12.6640625" style="49" customWidth="1"/>
    <col min="3602" max="3602" width="1.109375" style="49" customWidth="1"/>
    <col min="3603" max="3837" width="8.88671875" style="49"/>
    <col min="3838" max="3838" width="1.33203125" style="49" customWidth="1"/>
    <col min="3839" max="3846" width="2.88671875" style="49" customWidth="1"/>
    <col min="3847" max="3847" width="10.109375" style="49" customWidth="1"/>
    <col min="3848" max="3848" width="4.109375" style="49" customWidth="1"/>
    <col min="3849" max="3849" width="10.109375" style="49" customWidth="1"/>
    <col min="3850" max="3850" width="4.109375" style="49" customWidth="1"/>
    <col min="3851" max="3851" width="10.109375" style="49" customWidth="1"/>
    <col min="3852" max="3852" width="4.109375" style="49" customWidth="1"/>
    <col min="3853" max="3853" width="10.109375" style="49" customWidth="1"/>
    <col min="3854" max="3854" width="4.109375" style="49" customWidth="1"/>
    <col min="3855" max="3855" width="10.109375" style="49" customWidth="1"/>
    <col min="3856" max="3856" width="4.109375" style="49" customWidth="1"/>
    <col min="3857" max="3857" width="12.6640625" style="49" customWidth="1"/>
    <col min="3858" max="3858" width="1.109375" style="49" customWidth="1"/>
    <col min="3859" max="4093" width="8.88671875" style="49"/>
    <col min="4094" max="4094" width="1.33203125" style="49" customWidth="1"/>
    <col min="4095" max="4102" width="2.88671875" style="49" customWidth="1"/>
    <col min="4103" max="4103" width="10.109375" style="49" customWidth="1"/>
    <col min="4104" max="4104" width="4.109375" style="49" customWidth="1"/>
    <col min="4105" max="4105" width="10.109375" style="49" customWidth="1"/>
    <col min="4106" max="4106" width="4.109375" style="49" customWidth="1"/>
    <col min="4107" max="4107" width="10.109375" style="49" customWidth="1"/>
    <col min="4108" max="4108" width="4.109375" style="49" customWidth="1"/>
    <col min="4109" max="4109" width="10.109375" style="49" customWidth="1"/>
    <col min="4110" max="4110" width="4.109375" style="49" customWidth="1"/>
    <col min="4111" max="4111" width="10.109375" style="49" customWidth="1"/>
    <col min="4112" max="4112" width="4.109375" style="49" customWidth="1"/>
    <col min="4113" max="4113" width="12.6640625" style="49" customWidth="1"/>
    <col min="4114" max="4114" width="1.109375" style="49" customWidth="1"/>
    <col min="4115" max="4349" width="8.88671875" style="49"/>
    <col min="4350" max="4350" width="1.33203125" style="49" customWidth="1"/>
    <col min="4351" max="4358" width="2.88671875" style="49" customWidth="1"/>
    <col min="4359" max="4359" width="10.109375" style="49" customWidth="1"/>
    <col min="4360" max="4360" width="4.109375" style="49" customWidth="1"/>
    <col min="4361" max="4361" width="10.109375" style="49" customWidth="1"/>
    <col min="4362" max="4362" width="4.109375" style="49" customWidth="1"/>
    <col min="4363" max="4363" width="10.109375" style="49" customWidth="1"/>
    <col min="4364" max="4364" width="4.109375" style="49" customWidth="1"/>
    <col min="4365" max="4365" width="10.109375" style="49" customWidth="1"/>
    <col min="4366" max="4366" width="4.109375" style="49" customWidth="1"/>
    <col min="4367" max="4367" width="10.109375" style="49" customWidth="1"/>
    <col min="4368" max="4368" width="4.109375" style="49" customWidth="1"/>
    <col min="4369" max="4369" width="12.6640625" style="49" customWidth="1"/>
    <col min="4370" max="4370" width="1.109375" style="49" customWidth="1"/>
    <col min="4371" max="4605" width="8.88671875" style="49"/>
    <col min="4606" max="4606" width="1.33203125" style="49" customWidth="1"/>
    <col min="4607" max="4614" width="2.88671875" style="49" customWidth="1"/>
    <col min="4615" max="4615" width="10.109375" style="49" customWidth="1"/>
    <col min="4616" max="4616" width="4.109375" style="49" customWidth="1"/>
    <col min="4617" max="4617" width="10.109375" style="49" customWidth="1"/>
    <col min="4618" max="4618" width="4.109375" style="49" customWidth="1"/>
    <col min="4619" max="4619" width="10.109375" style="49" customWidth="1"/>
    <col min="4620" max="4620" width="4.109375" style="49" customWidth="1"/>
    <col min="4621" max="4621" width="10.109375" style="49" customWidth="1"/>
    <col min="4622" max="4622" width="4.109375" style="49" customWidth="1"/>
    <col min="4623" max="4623" width="10.109375" style="49" customWidth="1"/>
    <col min="4624" max="4624" width="4.109375" style="49" customWidth="1"/>
    <col min="4625" max="4625" width="12.6640625" style="49" customWidth="1"/>
    <col min="4626" max="4626" width="1.109375" style="49" customWidth="1"/>
    <col min="4627" max="4861" width="8.88671875" style="49"/>
    <col min="4862" max="4862" width="1.33203125" style="49" customWidth="1"/>
    <col min="4863" max="4870" width="2.88671875" style="49" customWidth="1"/>
    <col min="4871" max="4871" width="10.109375" style="49" customWidth="1"/>
    <col min="4872" max="4872" width="4.109375" style="49" customWidth="1"/>
    <col min="4873" max="4873" width="10.109375" style="49" customWidth="1"/>
    <col min="4874" max="4874" width="4.109375" style="49" customWidth="1"/>
    <col min="4875" max="4875" width="10.109375" style="49" customWidth="1"/>
    <col min="4876" max="4876" width="4.109375" style="49" customWidth="1"/>
    <col min="4877" max="4877" width="10.109375" style="49" customWidth="1"/>
    <col min="4878" max="4878" width="4.109375" style="49" customWidth="1"/>
    <col min="4879" max="4879" width="10.109375" style="49" customWidth="1"/>
    <col min="4880" max="4880" width="4.109375" style="49" customWidth="1"/>
    <col min="4881" max="4881" width="12.6640625" style="49" customWidth="1"/>
    <col min="4882" max="4882" width="1.109375" style="49" customWidth="1"/>
    <col min="4883" max="5117" width="8.88671875" style="49"/>
    <col min="5118" max="5118" width="1.33203125" style="49" customWidth="1"/>
    <col min="5119" max="5126" width="2.88671875" style="49" customWidth="1"/>
    <col min="5127" max="5127" width="10.109375" style="49" customWidth="1"/>
    <col min="5128" max="5128" width="4.109375" style="49" customWidth="1"/>
    <col min="5129" max="5129" width="10.109375" style="49" customWidth="1"/>
    <col min="5130" max="5130" width="4.109375" style="49" customWidth="1"/>
    <col min="5131" max="5131" width="10.109375" style="49" customWidth="1"/>
    <col min="5132" max="5132" width="4.109375" style="49" customWidth="1"/>
    <col min="5133" max="5133" width="10.109375" style="49" customWidth="1"/>
    <col min="5134" max="5134" width="4.109375" style="49" customWidth="1"/>
    <col min="5135" max="5135" width="10.109375" style="49" customWidth="1"/>
    <col min="5136" max="5136" width="4.109375" style="49" customWidth="1"/>
    <col min="5137" max="5137" width="12.6640625" style="49" customWidth="1"/>
    <col min="5138" max="5138" width="1.109375" style="49" customWidth="1"/>
    <col min="5139" max="5373" width="8.88671875" style="49"/>
    <col min="5374" max="5374" width="1.33203125" style="49" customWidth="1"/>
    <col min="5375" max="5382" width="2.88671875" style="49" customWidth="1"/>
    <col min="5383" max="5383" width="10.109375" style="49" customWidth="1"/>
    <col min="5384" max="5384" width="4.109375" style="49" customWidth="1"/>
    <col min="5385" max="5385" width="10.109375" style="49" customWidth="1"/>
    <col min="5386" max="5386" width="4.109375" style="49" customWidth="1"/>
    <col min="5387" max="5387" width="10.109375" style="49" customWidth="1"/>
    <col min="5388" max="5388" width="4.109375" style="49" customWidth="1"/>
    <col min="5389" max="5389" width="10.109375" style="49" customWidth="1"/>
    <col min="5390" max="5390" width="4.109375" style="49" customWidth="1"/>
    <col min="5391" max="5391" width="10.109375" style="49" customWidth="1"/>
    <col min="5392" max="5392" width="4.109375" style="49" customWidth="1"/>
    <col min="5393" max="5393" width="12.6640625" style="49" customWidth="1"/>
    <col min="5394" max="5394" width="1.109375" style="49" customWidth="1"/>
    <col min="5395" max="5629" width="8.88671875" style="49"/>
    <col min="5630" max="5630" width="1.33203125" style="49" customWidth="1"/>
    <col min="5631" max="5638" width="2.88671875" style="49" customWidth="1"/>
    <col min="5639" max="5639" width="10.109375" style="49" customWidth="1"/>
    <col min="5640" max="5640" width="4.109375" style="49" customWidth="1"/>
    <col min="5641" max="5641" width="10.109375" style="49" customWidth="1"/>
    <col min="5642" max="5642" width="4.109375" style="49" customWidth="1"/>
    <col min="5643" max="5643" width="10.109375" style="49" customWidth="1"/>
    <col min="5644" max="5644" width="4.109375" style="49" customWidth="1"/>
    <col min="5645" max="5645" width="10.109375" style="49" customWidth="1"/>
    <col min="5646" max="5646" width="4.109375" style="49" customWidth="1"/>
    <col min="5647" max="5647" width="10.109375" style="49" customWidth="1"/>
    <col min="5648" max="5648" width="4.109375" style="49" customWidth="1"/>
    <col min="5649" max="5649" width="12.6640625" style="49" customWidth="1"/>
    <col min="5650" max="5650" width="1.109375" style="49" customWidth="1"/>
    <col min="5651" max="5885" width="8.88671875" style="49"/>
    <col min="5886" max="5886" width="1.33203125" style="49" customWidth="1"/>
    <col min="5887" max="5894" width="2.88671875" style="49" customWidth="1"/>
    <col min="5895" max="5895" width="10.109375" style="49" customWidth="1"/>
    <col min="5896" max="5896" width="4.109375" style="49" customWidth="1"/>
    <col min="5897" max="5897" width="10.109375" style="49" customWidth="1"/>
    <col min="5898" max="5898" width="4.109375" style="49" customWidth="1"/>
    <col min="5899" max="5899" width="10.109375" style="49" customWidth="1"/>
    <col min="5900" max="5900" width="4.109375" style="49" customWidth="1"/>
    <col min="5901" max="5901" width="10.109375" style="49" customWidth="1"/>
    <col min="5902" max="5902" width="4.109375" style="49" customWidth="1"/>
    <col min="5903" max="5903" width="10.109375" style="49" customWidth="1"/>
    <col min="5904" max="5904" width="4.109375" style="49" customWidth="1"/>
    <col min="5905" max="5905" width="12.6640625" style="49" customWidth="1"/>
    <col min="5906" max="5906" width="1.109375" style="49" customWidth="1"/>
    <col min="5907" max="6141" width="8.88671875" style="49"/>
    <col min="6142" max="6142" width="1.33203125" style="49" customWidth="1"/>
    <col min="6143" max="6150" width="2.88671875" style="49" customWidth="1"/>
    <col min="6151" max="6151" width="10.109375" style="49" customWidth="1"/>
    <col min="6152" max="6152" width="4.109375" style="49" customWidth="1"/>
    <col min="6153" max="6153" width="10.109375" style="49" customWidth="1"/>
    <col min="6154" max="6154" width="4.109375" style="49" customWidth="1"/>
    <col min="6155" max="6155" width="10.109375" style="49" customWidth="1"/>
    <col min="6156" max="6156" width="4.109375" style="49" customWidth="1"/>
    <col min="6157" max="6157" width="10.109375" style="49" customWidth="1"/>
    <col min="6158" max="6158" width="4.109375" style="49" customWidth="1"/>
    <col min="6159" max="6159" width="10.109375" style="49" customWidth="1"/>
    <col min="6160" max="6160" width="4.109375" style="49" customWidth="1"/>
    <col min="6161" max="6161" width="12.6640625" style="49" customWidth="1"/>
    <col min="6162" max="6162" width="1.109375" style="49" customWidth="1"/>
    <col min="6163" max="6397" width="8.88671875" style="49"/>
    <col min="6398" max="6398" width="1.33203125" style="49" customWidth="1"/>
    <col min="6399" max="6406" width="2.88671875" style="49" customWidth="1"/>
    <col min="6407" max="6407" width="10.109375" style="49" customWidth="1"/>
    <col min="6408" max="6408" width="4.109375" style="49" customWidth="1"/>
    <col min="6409" max="6409" width="10.109375" style="49" customWidth="1"/>
    <col min="6410" max="6410" width="4.109375" style="49" customWidth="1"/>
    <col min="6411" max="6411" width="10.109375" style="49" customWidth="1"/>
    <col min="6412" max="6412" width="4.109375" style="49" customWidth="1"/>
    <col min="6413" max="6413" width="10.109375" style="49" customWidth="1"/>
    <col min="6414" max="6414" width="4.109375" style="49" customWidth="1"/>
    <col min="6415" max="6415" width="10.109375" style="49" customWidth="1"/>
    <col min="6416" max="6416" width="4.109375" style="49" customWidth="1"/>
    <col min="6417" max="6417" width="12.6640625" style="49" customWidth="1"/>
    <col min="6418" max="6418" width="1.109375" style="49" customWidth="1"/>
    <col min="6419" max="6653" width="8.88671875" style="49"/>
    <col min="6654" max="6654" width="1.33203125" style="49" customWidth="1"/>
    <col min="6655" max="6662" width="2.88671875" style="49" customWidth="1"/>
    <col min="6663" max="6663" width="10.109375" style="49" customWidth="1"/>
    <col min="6664" max="6664" width="4.109375" style="49" customWidth="1"/>
    <col min="6665" max="6665" width="10.109375" style="49" customWidth="1"/>
    <col min="6666" max="6666" width="4.109375" style="49" customWidth="1"/>
    <col min="6667" max="6667" width="10.109375" style="49" customWidth="1"/>
    <col min="6668" max="6668" width="4.109375" style="49" customWidth="1"/>
    <col min="6669" max="6669" width="10.109375" style="49" customWidth="1"/>
    <col min="6670" max="6670" width="4.109375" style="49" customWidth="1"/>
    <col min="6671" max="6671" width="10.109375" style="49" customWidth="1"/>
    <col min="6672" max="6672" width="4.109375" style="49" customWidth="1"/>
    <col min="6673" max="6673" width="12.6640625" style="49" customWidth="1"/>
    <col min="6674" max="6674" width="1.109375" style="49" customWidth="1"/>
    <col min="6675" max="6909" width="8.88671875" style="49"/>
    <col min="6910" max="6910" width="1.33203125" style="49" customWidth="1"/>
    <col min="6911" max="6918" width="2.88671875" style="49" customWidth="1"/>
    <col min="6919" max="6919" width="10.109375" style="49" customWidth="1"/>
    <col min="6920" max="6920" width="4.109375" style="49" customWidth="1"/>
    <col min="6921" max="6921" width="10.109375" style="49" customWidth="1"/>
    <col min="6922" max="6922" width="4.109375" style="49" customWidth="1"/>
    <col min="6923" max="6923" width="10.109375" style="49" customWidth="1"/>
    <col min="6924" max="6924" width="4.109375" style="49" customWidth="1"/>
    <col min="6925" max="6925" width="10.109375" style="49" customWidth="1"/>
    <col min="6926" max="6926" width="4.109375" style="49" customWidth="1"/>
    <col min="6927" max="6927" width="10.109375" style="49" customWidth="1"/>
    <col min="6928" max="6928" width="4.109375" style="49" customWidth="1"/>
    <col min="6929" max="6929" width="12.6640625" style="49" customWidth="1"/>
    <col min="6930" max="6930" width="1.109375" style="49" customWidth="1"/>
    <col min="6931" max="7165" width="8.88671875" style="49"/>
    <col min="7166" max="7166" width="1.33203125" style="49" customWidth="1"/>
    <col min="7167" max="7174" width="2.88671875" style="49" customWidth="1"/>
    <col min="7175" max="7175" width="10.109375" style="49" customWidth="1"/>
    <col min="7176" max="7176" width="4.109375" style="49" customWidth="1"/>
    <col min="7177" max="7177" width="10.109375" style="49" customWidth="1"/>
    <col min="7178" max="7178" width="4.109375" style="49" customWidth="1"/>
    <col min="7179" max="7179" width="10.109375" style="49" customWidth="1"/>
    <col min="7180" max="7180" width="4.109375" style="49" customWidth="1"/>
    <col min="7181" max="7181" width="10.109375" style="49" customWidth="1"/>
    <col min="7182" max="7182" width="4.109375" style="49" customWidth="1"/>
    <col min="7183" max="7183" width="10.109375" style="49" customWidth="1"/>
    <col min="7184" max="7184" width="4.109375" style="49" customWidth="1"/>
    <col min="7185" max="7185" width="12.6640625" style="49" customWidth="1"/>
    <col min="7186" max="7186" width="1.109375" style="49" customWidth="1"/>
    <col min="7187" max="7421" width="8.88671875" style="49"/>
    <col min="7422" max="7422" width="1.33203125" style="49" customWidth="1"/>
    <col min="7423" max="7430" width="2.88671875" style="49" customWidth="1"/>
    <col min="7431" max="7431" width="10.109375" style="49" customWidth="1"/>
    <col min="7432" max="7432" width="4.109375" style="49" customWidth="1"/>
    <col min="7433" max="7433" width="10.109375" style="49" customWidth="1"/>
    <col min="7434" max="7434" width="4.109375" style="49" customWidth="1"/>
    <col min="7435" max="7435" width="10.109375" style="49" customWidth="1"/>
    <col min="7436" max="7436" width="4.109375" style="49" customWidth="1"/>
    <col min="7437" max="7437" width="10.109375" style="49" customWidth="1"/>
    <col min="7438" max="7438" width="4.109375" style="49" customWidth="1"/>
    <col min="7439" max="7439" width="10.109375" style="49" customWidth="1"/>
    <col min="7440" max="7440" width="4.109375" style="49" customWidth="1"/>
    <col min="7441" max="7441" width="12.6640625" style="49" customWidth="1"/>
    <col min="7442" max="7442" width="1.109375" style="49" customWidth="1"/>
    <col min="7443" max="7677" width="8.88671875" style="49"/>
    <col min="7678" max="7678" width="1.33203125" style="49" customWidth="1"/>
    <col min="7679" max="7686" width="2.88671875" style="49" customWidth="1"/>
    <col min="7687" max="7687" width="10.109375" style="49" customWidth="1"/>
    <col min="7688" max="7688" width="4.109375" style="49" customWidth="1"/>
    <col min="7689" max="7689" width="10.109375" style="49" customWidth="1"/>
    <col min="7690" max="7690" width="4.109375" style="49" customWidth="1"/>
    <col min="7691" max="7691" width="10.109375" style="49" customWidth="1"/>
    <col min="7692" max="7692" width="4.109375" style="49" customWidth="1"/>
    <col min="7693" max="7693" width="10.109375" style="49" customWidth="1"/>
    <col min="7694" max="7694" width="4.109375" style="49" customWidth="1"/>
    <col min="7695" max="7695" width="10.109375" style="49" customWidth="1"/>
    <col min="7696" max="7696" width="4.109375" style="49" customWidth="1"/>
    <col min="7697" max="7697" width="12.6640625" style="49" customWidth="1"/>
    <col min="7698" max="7698" width="1.109375" style="49" customWidth="1"/>
    <col min="7699" max="7933" width="8.88671875" style="49"/>
    <col min="7934" max="7934" width="1.33203125" style="49" customWidth="1"/>
    <col min="7935" max="7942" width="2.88671875" style="49" customWidth="1"/>
    <col min="7943" max="7943" width="10.109375" style="49" customWidth="1"/>
    <col min="7944" max="7944" width="4.109375" style="49" customWidth="1"/>
    <col min="7945" max="7945" width="10.109375" style="49" customWidth="1"/>
    <col min="7946" max="7946" width="4.109375" style="49" customWidth="1"/>
    <col min="7947" max="7947" width="10.109375" style="49" customWidth="1"/>
    <col min="7948" max="7948" width="4.109375" style="49" customWidth="1"/>
    <col min="7949" max="7949" width="10.109375" style="49" customWidth="1"/>
    <col min="7950" max="7950" width="4.109375" style="49" customWidth="1"/>
    <col min="7951" max="7951" width="10.109375" style="49" customWidth="1"/>
    <col min="7952" max="7952" width="4.109375" style="49" customWidth="1"/>
    <col min="7953" max="7953" width="12.6640625" style="49" customWidth="1"/>
    <col min="7954" max="7954" width="1.109375" style="49" customWidth="1"/>
    <col min="7955" max="8189" width="8.88671875" style="49"/>
    <col min="8190" max="8190" width="1.33203125" style="49" customWidth="1"/>
    <col min="8191" max="8198" width="2.88671875" style="49" customWidth="1"/>
    <col min="8199" max="8199" width="10.109375" style="49" customWidth="1"/>
    <col min="8200" max="8200" width="4.109375" style="49" customWidth="1"/>
    <col min="8201" max="8201" width="10.109375" style="49" customWidth="1"/>
    <col min="8202" max="8202" width="4.109375" style="49" customWidth="1"/>
    <col min="8203" max="8203" width="10.109375" style="49" customWidth="1"/>
    <col min="8204" max="8204" width="4.109375" style="49" customWidth="1"/>
    <col min="8205" max="8205" width="10.109375" style="49" customWidth="1"/>
    <col min="8206" max="8206" width="4.109375" style="49" customWidth="1"/>
    <col min="8207" max="8207" width="10.109375" style="49" customWidth="1"/>
    <col min="8208" max="8208" width="4.109375" style="49" customWidth="1"/>
    <col min="8209" max="8209" width="12.6640625" style="49" customWidth="1"/>
    <col min="8210" max="8210" width="1.109375" style="49" customWidth="1"/>
    <col min="8211" max="8445" width="8.88671875" style="49"/>
    <col min="8446" max="8446" width="1.33203125" style="49" customWidth="1"/>
    <col min="8447" max="8454" width="2.88671875" style="49" customWidth="1"/>
    <col min="8455" max="8455" width="10.109375" style="49" customWidth="1"/>
    <col min="8456" max="8456" width="4.109375" style="49" customWidth="1"/>
    <col min="8457" max="8457" width="10.109375" style="49" customWidth="1"/>
    <col min="8458" max="8458" width="4.109375" style="49" customWidth="1"/>
    <col min="8459" max="8459" width="10.109375" style="49" customWidth="1"/>
    <col min="8460" max="8460" width="4.109375" style="49" customWidth="1"/>
    <col min="8461" max="8461" width="10.109375" style="49" customWidth="1"/>
    <col min="8462" max="8462" width="4.109375" style="49" customWidth="1"/>
    <col min="8463" max="8463" width="10.109375" style="49" customWidth="1"/>
    <col min="8464" max="8464" width="4.109375" style="49" customWidth="1"/>
    <col min="8465" max="8465" width="12.6640625" style="49" customWidth="1"/>
    <col min="8466" max="8466" width="1.109375" style="49" customWidth="1"/>
    <col min="8467" max="8701" width="8.88671875" style="49"/>
    <col min="8702" max="8702" width="1.33203125" style="49" customWidth="1"/>
    <col min="8703" max="8710" width="2.88671875" style="49" customWidth="1"/>
    <col min="8711" max="8711" width="10.109375" style="49" customWidth="1"/>
    <col min="8712" max="8712" width="4.109375" style="49" customWidth="1"/>
    <col min="8713" max="8713" width="10.109375" style="49" customWidth="1"/>
    <col min="8714" max="8714" width="4.109375" style="49" customWidth="1"/>
    <col min="8715" max="8715" width="10.109375" style="49" customWidth="1"/>
    <col min="8716" max="8716" width="4.109375" style="49" customWidth="1"/>
    <col min="8717" max="8717" width="10.109375" style="49" customWidth="1"/>
    <col min="8718" max="8718" width="4.109375" style="49" customWidth="1"/>
    <col min="8719" max="8719" width="10.109375" style="49" customWidth="1"/>
    <col min="8720" max="8720" width="4.109375" style="49" customWidth="1"/>
    <col min="8721" max="8721" width="12.6640625" style="49" customWidth="1"/>
    <col min="8722" max="8722" width="1.109375" style="49" customWidth="1"/>
    <col min="8723" max="8957" width="8.88671875" style="49"/>
    <col min="8958" max="8958" width="1.33203125" style="49" customWidth="1"/>
    <col min="8959" max="8966" width="2.88671875" style="49" customWidth="1"/>
    <col min="8967" max="8967" width="10.109375" style="49" customWidth="1"/>
    <col min="8968" max="8968" width="4.109375" style="49" customWidth="1"/>
    <col min="8969" max="8969" width="10.109375" style="49" customWidth="1"/>
    <col min="8970" max="8970" width="4.109375" style="49" customWidth="1"/>
    <col min="8971" max="8971" width="10.109375" style="49" customWidth="1"/>
    <col min="8972" max="8972" width="4.109375" style="49" customWidth="1"/>
    <col min="8973" max="8973" width="10.109375" style="49" customWidth="1"/>
    <col min="8974" max="8974" width="4.109375" style="49" customWidth="1"/>
    <col min="8975" max="8975" width="10.109375" style="49" customWidth="1"/>
    <col min="8976" max="8976" width="4.109375" style="49" customWidth="1"/>
    <col min="8977" max="8977" width="12.6640625" style="49" customWidth="1"/>
    <col min="8978" max="8978" width="1.109375" style="49" customWidth="1"/>
    <col min="8979" max="9213" width="8.88671875" style="49"/>
    <col min="9214" max="9214" width="1.33203125" style="49" customWidth="1"/>
    <col min="9215" max="9222" width="2.88671875" style="49" customWidth="1"/>
    <col min="9223" max="9223" width="10.109375" style="49" customWidth="1"/>
    <col min="9224" max="9224" width="4.109375" style="49" customWidth="1"/>
    <col min="9225" max="9225" width="10.109375" style="49" customWidth="1"/>
    <col min="9226" max="9226" width="4.109375" style="49" customWidth="1"/>
    <col min="9227" max="9227" width="10.109375" style="49" customWidth="1"/>
    <col min="9228" max="9228" width="4.109375" style="49" customWidth="1"/>
    <col min="9229" max="9229" width="10.109375" style="49" customWidth="1"/>
    <col min="9230" max="9230" width="4.109375" style="49" customWidth="1"/>
    <col min="9231" max="9231" width="10.109375" style="49" customWidth="1"/>
    <col min="9232" max="9232" width="4.109375" style="49" customWidth="1"/>
    <col min="9233" max="9233" width="12.6640625" style="49" customWidth="1"/>
    <col min="9234" max="9234" width="1.109375" style="49" customWidth="1"/>
    <col min="9235" max="9469" width="8.88671875" style="49"/>
    <col min="9470" max="9470" width="1.33203125" style="49" customWidth="1"/>
    <col min="9471" max="9478" width="2.88671875" style="49" customWidth="1"/>
    <col min="9479" max="9479" width="10.109375" style="49" customWidth="1"/>
    <col min="9480" max="9480" width="4.109375" style="49" customWidth="1"/>
    <col min="9481" max="9481" width="10.109375" style="49" customWidth="1"/>
    <col min="9482" max="9482" width="4.109375" style="49" customWidth="1"/>
    <col min="9483" max="9483" width="10.109375" style="49" customWidth="1"/>
    <col min="9484" max="9484" width="4.109375" style="49" customWidth="1"/>
    <col min="9485" max="9485" width="10.109375" style="49" customWidth="1"/>
    <col min="9486" max="9486" width="4.109375" style="49" customWidth="1"/>
    <col min="9487" max="9487" width="10.109375" style="49" customWidth="1"/>
    <col min="9488" max="9488" width="4.109375" style="49" customWidth="1"/>
    <col min="9489" max="9489" width="12.6640625" style="49" customWidth="1"/>
    <col min="9490" max="9490" width="1.109375" style="49" customWidth="1"/>
    <col min="9491" max="9725" width="8.88671875" style="49"/>
    <col min="9726" max="9726" width="1.33203125" style="49" customWidth="1"/>
    <col min="9727" max="9734" width="2.88671875" style="49" customWidth="1"/>
    <col min="9735" max="9735" width="10.109375" style="49" customWidth="1"/>
    <col min="9736" max="9736" width="4.109375" style="49" customWidth="1"/>
    <col min="9737" max="9737" width="10.109375" style="49" customWidth="1"/>
    <col min="9738" max="9738" width="4.109375" style="49" customWidth="1"/>
    <col min="9739" max="9739" width="10.109375" style="49" customWidth="1"/>
    <col min="9740" max="9740" width="4.109375" style="49" customWidth="1"/>
    <col min="9741" max="9741" width="10.109375" style="49" customWidth="1"/>
    <col min="9742" max="9742" width="4.109375" style="49" customWidth="1"/>
    <col min="9743" max="9743" width="10.109375" style="49" customWidth="1"/>
    <col min="9744" max="9744" width="4.109375" style="49" customWidth="1"/>
    <col min="9745" max="9745" width="12.6640625" style="49" customWidth="1"/>
    <col min="9746" max="9746" width="1.109375" style="49" customWidth="1"/>
    <col min="9747" max="9981" width="8.88671875" style="49"/>
    <col min="9982" max="9982" width="1.33203125" style="49" customWidth="1"/>
    <col min="9983" max="9990" width="2.88671875" style="49" customWidth="1"/>
    <col min="9991" max="9991" width="10.109375" style="49" customWidth="1"/>
    <col min="9992" max="9992" width="4.109375" style="49" customWidth="1"/>
    <col min="9993" max="9993" width="10.109375" style="49" customWidth="1"/>
    <col min="9994" max="9994" width="4.109375" style="49" customWidth="1"/>
    <col min="9995" max="9995" width="10.109375" style="49" customWidth="1"/>
    <col min="9996" max="9996" width="4.109375" style="49" customWidth="1"/>
    <col min="9997" max="9997" width="10.109375" style="49" customWidth="1"/>
    <col min="9998" max="9998" width="4.109375" style="49" customWidth="1"/>
    <col min="9999" max="9999" width="10.109375" style="49" customWidth="1"/>
    <col min="10000" max="10000" width="4.109375" style="49" customWidth="1"/>
    <col min="10001" max="10001" width="12.6640625" style="49" customWidth="1"/>
    <col min="10002" max="10002" width="1.109375" style="49" customWidth="1"/>
    <col min="10003" max="10237" width="8.88671875" style="49"/>
    <col min="10238" max="10238" width="1.33203125" style="49" customWidth="1"/>
    <col min="10239" max="10246" width="2.88671875" style="49" customWidth="1"/>
    <col min="10247" max="10247" width="10.109375" style="49" customWidth="1"/>
    <col min="10248" max="10248" width="4.109375" style="49" customWidth="1"/>
    <col min="10249" max="10249" width="10.109375" style="49" customWidth="1"/>
    <col min="10250" max="10250" width="4.109375" style="49" customWidth="1"/>
    <col min="10251" max="10251" width="10.109375" style="49" customWidth="1"/>
    <col min="10252" max="10252" width="4.109375" style="49" customWidth="1"/>
    <col min="10253" max="10253" width="10.109375" style="49" customWidth="1"/>
    <col min="10254" max="10254" width="4.109375" style="49" customWidth="1"/>
    <col min="10255" max="10255" width="10.109375" style="49" customWidth="1"/>
    <col min="10256" max="10256" width="4.109375" style="49" customWidth="1"/>
    <col min="10257" max="10257" width="12.6640625" style="49" customWidth="1"/>
    <col min="10258" max="10258" width="1.109375" style="49" customWidth="1"/>
    <col min="10259" max="10493" width="8.88671875" style="49"/>
    <col min="10494" max="10494" width="1.33203125" style="49" customWidth="1"/>
    <col min="10495" max="10502" width="2.88671875" style="49" customWidth="1"/>
    <col min="10503" max="10503" width="10.109375" style="49" customWidth="1"/>
    <col min="10504" max="10504" width="4.109375" style="49" customWidth="1"/>
    <col min="10505" max="10505" width="10.109375" style="49" customWidth="1"/>
    <col min="10506" max="10506" width="4.109375" style="49" customWidth="1"/>
    <col min="10507" max="10507" width="10.109375" style="49" customWidth="1"/>
    <col min="10508" max="10508" width="4.109375" style="49" customWidth="1"/>
    <col min="10509" max="10509" width="10.109375" style="49" customWidth="1"/>
    <col min="10510" max="10510" width="4.109375" style="49" customWidth="1"/>
    <col min="10511" max="10511" width="10.109375" style="49" customWidth="1"/>
    <col min="10512" max="10512" width="4.109375" style="49" customWidth="1"/>
    <col min="10513" max="10513" width="12.6640625" style="49" customWidth="1"/>
    <col min="10514" max="10514" width="1.109375" style="49" customWidth="1"/>
    <col min="10515" max="10749" width="8.88671875" style="49"/>
    <col min="10750" max="10750" width="1.33203125" style="49" customWidth="1"/>
    <col min="10751" max="10758" width="2.88671875" style="49" customWidth="1"/>
    <col min="10759" max="10759" width="10.109375" style="49" customWidth="1"/>
    <col min="10760" max="10760" width="4.109375" style="49" customWidth="1"/>
    <col min="10761" max="10761" width="10.109375" style="49" customWidth="1"/>
    <col min="10762" max="10762" width="4.109375" style="49" customWidth="1"/>
    <col min="10763" max="10763" width="10.109375" style="49" customWidth="1"/>
    <col min="10764" max="10764" width="4.109375" style="49" customWidth="1"/>
    <col min="10765" max="10765" width="10.109375" style="49" customWidth="1"/>
    <col min="10766" max="10766" width="4.109375" style="49" customWidth="1"/>
    <col min="10767" max="10767" width="10.109375" style="49" customWidth="1"/>
    <col min="10768" max="10768" width="4.109375" style="49" customWidth="1"/>
    <col min="10769" max="10769" width="12.6640625" style="49" customWidth="1"/>
    <col min="10770" max="10770" width="1.109375" style="49" customWidth="1"/>
    <col min="10771" max="11005" width="8.88671875" style="49"/>
    <col min="11006" max="11006" width="1.33203125" style="49" customWidth="1"/>
    <col min="11007" max="11014" width="2.88671875" style="49" customWidth="1"/>
    <col min="11015" max="11015" width="10.109375" style="49" customWidth="1"/>
    <col min="11016" max="11016" width="4.109375" style="49" customWidth="1"/>
    <col min="11017" max="11017" width="10.109375" style="49" customWidth="1"/>
    <col min="11018" max="11018" width="4.109375" style="49" customWidth="1"/>
    <col min="11019" max="11019" width="10.109375" style="49" customWidth="1"/>
    <col min="11020" max="11020" width="4.109375" style="49" customWidth="1"/>
    <col min="11021" max="11021" width="10.109375" style="49" customWidth="1"/>
    <col min="11022" max="11022" width="4.109375" style="49" customWidth="1"/>
    <col min="11023" max="11023" width="10.109375" style="49" customWidth="1"/>
    <col min="11024" max="11024" width="4.109375" style="49" customWidth="1"/>
    <col min="11025" max="11025" width="12.6640625" style="49" customWidth="1"/>
    <col min="11026" max="11026" width="1.109375" style="49" customWidth="1"/>
    <col min="11027" max="11261" width="8.88671875" style="49"/>
    <col min="11262" max="11262" width="1.33203125" style="49" customWidth="1"/>
    <col min="11263" max="11270" width="2.88671875" style="49" customWidth="1"/>
    <col min="11271" max="11271" width="10.109375" style="49" customWidth="1"/>
    <col min="11272" max="11272" width="4.109375" style="49" customWidth="1"/>
    <col min="11273" max="11273" width="10.109375" style="49" customWidth="1"/>
    <col min="11274" max="11274" width="4.109375" style="49" customWidth="1"/>
    <col min="11275" max="11275" width="10.109375" style="49" customWidth="1"/>
    <col min="11276" max="11276" width="4.109375" style="49" customWidth="1"/>
    <col min="11277" max="11277" width="10.109375" style="49" customWidth="1"/>
    <col min="11278" max="11278" width="4.109375" style="49" customWidth="1"/>
    <col min="11279" max="11279" width="10.109375" style="49" customWidth="1"/>
    <col min="11280" max="11280" width="4.109375" style="49" customWidth="1"/>
    <col min="11281" max="11281" width="12.6640625" style="49" customWidth="1"/>
    <col min="11282" max="11282" width="1.109375" style="49" customWidth="1"/>
    <col min="11283" max="11517" width="8.88671875" style="49"/>
    <col min="11518" max="11518" width="1.33203125" style="49" customWidth="1"/>
    <col min="11519" max="11526" width="2.88671875" style="49" customWidth="1"/>
    <col min="11527" max="11527" width="10.109375" style="49" customWidth="1"/>
    <col min="11528" max="11528" width="4.109375" style="49" customWidth="1"/>
    <col min="11529" max="11529" width="10.109375" style="49" customWidth="1"/>
    <col min="11530" max="11530" width="4.109375" style="49" customWidth="1"/>
    <col min="11531" max="11531" width="10.109375" style="49" customWidth="1"/>
    <col min="11532" max="11532" width="4.109375" style="49" customWidth="1"/>
    <col min="11533" max="11533" width="10.109375" style="49" customWidth="1"/>
    <col min="11534" max="11534" width="4.109375" style="49" customWidth="1"/>
    <col min="11535" max="11535" width="10.109375" style="49" customWidth="1"/>
    <col min="11536" max="11536" width="4.109375" style="49" customWidth="1"/>
    <col min="11537" max="11537" width="12.6640625" style="49" customWidth="1"/>
    <col min="11538" max="11538" width="1.109375" style="49" customWidth="1"/>
    <col min="11539" max="11773" width="8.88671875" style="49"/>
    <col min="11774" max="11774" width="1.33203125" style="49" customWidth="1"/>
    <col min="11775" max="11782" width="2.88671875" style="49" customWidth="1"/>
    <col min="11783" max="11783" width="10.109375" style="49" customWidth="1"/>
    <col min="11784" max="11784" width="4.109375" style="49" customWidth="1"/>
    <col min="11785" max="11785" width="10.109375" style="49" customWidth="1"/>
    <col min="11786" max="11786" width="4.109375" style="49" customWidth="1"/>
    <col min="11787" max="11787" width="10.109375" style="49" customWidth="1"/>
    <col min="11788" max="11788" width="4.109375" style="49" customWidth="1"/>
    <col min="11789" max="11789" width="10.109375" style="49" customWidth="1"/>
    <col min="11790" max="11790" width="4.109375" style="49" customWidth="1"/>
    <col min="11791" max="11791" width="10.109375" style="49" customWidth="1"/>
    <col min="11792" max="11792" width="4.109375" style="49" customWidth="1"/>
    <col min="11793" max="11793" width="12.6640625" style="49" customWidth="1"/>
    <col min="11794" max="11794" width="1.109375" style="49" customWidth="1"/>
    <col min="11795" max="12029" width="8.88671875" style="49"/>
    <col min="12030" max="12030" width="1.33203125" style="49" customWidth="1"/>
    <col min="12031" max="12038" width="2.88671875" style="49" customWidth="1"/>
    <col min="12039" max="12039" width="10.109375" style="49" customWidth="1"/>
    <col min="12040" max="12040" width="4.109375" style="49" customWidth="1"/>
    <col min="12041" max="12041" width="10.109375" style="49" customWidth="1"/>
    <col min="12042" max="12042" width="4.109375" style="49" customWidth="1"/>
    <col min="12043" max="12043" width="10.109375" style="49" customWidth="1"/>
    <col min="12044" max="12044" width="4.109375" style="49" customWidth="1"/>
    <col min="12045" max="12045" width="10.109375" style="49" customWidth="1"/>
    <col min="12046" max="12046" width="4.109375" style="49" customWidth="1"/>
    <col min="12047" max="12047" width="10.109375" style="49" customWidth="1"/>
    <col min="12048" max="12048" width="4.109375" style="49" customWidth="1"/>
    <col min="12049" max="12049" width="12.6640625" style="49" customWidth="1"/>
    <col min="12050" max="12050" width="1.109375" style="49" customWidth="1"/>
    <col min="12051" max="12285" width="8.88671875" style="49"/>
    <col min="12286" max="12286" width="1.33203125" style="49" customWidth="1"/>
    <col min="12287" max="12294" width="2.88671875" style="49" customWidth="1"/>
    <col min="12295" max="12295" width="10.109375" style="49" customWidth="1"/>
    <col min="12296" max="12296" width="4.109375" style="49" customWidth="1"/>
    <col min="12297" max="12297" width="10.109375" style="49" customWidth="1"/>
    <col min="12298" max="12298" width="4.109375" style="49" customWidth="1"/>
    <col min="12299" max="12299" width="10.109375" style="49" customWidth="1"/>
    <col min="12300" max="12300" width="4.109375" style="49" customWidth="1"/>
    <col min="12301" max="12301" width="10.109375" style="49" customWidth="1"/>
    <col min="12302" max="12302" width="4.109375" style="49" customWidth="1"/>
    <col min="12303" max="12303" width="10.109375" style="49" customWidth="1"/>
    <col min="12304" max="12304" width="4.109375" style="49" customWidth="1"/>
    <col min="12305" max="12305" width="12.6640625" style="49" customWidth="1"/>
    <col min="12306" max="12306" width="1.109375" style="49" customWidth="1"/>
    <col min="12307" max="12541" width="8.88671875" style="49"/>
    <col min="12542" max="12542" width="1.33203125" style="49" customWidth="1"/>
    <col min="12543" max="12550" width="2.88671875" style="49" customWidth="1"/>
    <col min="12551" max="12551" width="10.109375" style="49" customWidth="1"/>
    <col min="12552" max="12552" width="4.109375" style="49" customWidth="1"/>
    <col min="12553" max="12553" width="10.109375" style="49" customWidth="1"/>
    <col min="12554" max="12554" width="4.109375" style="49" customWidth="1"/>
    <col min="12555" max="12555" width="10.109375" style="49" customWidth="1"/>
    <col min="12556" max="12556" width="4.109375" style="49" customWidth="1"/>
    <col min="12557" max="12557" width="10.109375" style="49" customWidth="1"/>
    <col min="12558" max="12558" width="4.109375" style="49" customWidth="1"/>
    <col min="12559" max="12559" width="10.109375" style="49" customWidth="1"/>
    <col min="12560" max="12560" width="4.109375" style="49" customWidth="1"/>
    <col min="12561" max="12561" width="12.6640625" style="49" customWidth="1"/>
    <col min="12562" max="12562" width="1.109375" style="49" customWidth="1"/>
    <col min="12563" max="12797" width="8.88671875" style="49"/>
    <col min="12798" max="12798" width="1.33203125" style="49" customWidth="1"/>
    <col min="12799" max="12806" width="2.88671875" style="49" customWidth="1"/>
    <col min="12807" max="12807" width="10.109375" style="49" customWidth="1"/>
    <col min="12808" max="12808" width="4.109375" style="49" customWidth="1"/>
    <col min="12809" max="12809" width="10.109375" style="49" customWidth="1"/>
    <col min="12810" max="12810" width="4.109375" style="49" customWidth="1"/>
    <col min="12811" max="12811" width="10.109375" style="49" customWidth="1"/>
    <col min="12812" max="12812" width="4.109375" style="49" customWidth="1"/>
    <col min="12813" max="12813" width="10.109375" style="49" customWidth="1"/>
    <col min="12814" max="12814" width="4.109375" style="49" customWidth="1"/>
    <col min="12815" max="12815" width="10.109375" style="49" customWidth="1"/>
    <col min="12816" max="12816" width="4.109375" style="49" customWidth="1"/>
    <col min="12817" max="12817" width="12.6640625" style="49" customWidth="1"/>
    <col min="12818" max="12818" width="1.109375" style="49" customWidth="1"/>
    <col min="12819" max="13053" width="8.88671875" style="49"/>
    <col min="13054" max="13054" width="1.33203125" style="49" customWidth="1"/>
    <col min="13055" max="13062" width="2.88671875" style="49" customWidth="1"/>
    <col min="13063" max="13063" width="10.109375" style="49" customWidth="1"/>
    <col min="13064" max="13064" width="4.109375" style="49" customWidth="1"/>
    <col min="13065" max="13065" width="10.109375" style="49" customWidth="1"/>
    <col min="13066" max="13066" width="4.109375" style="49" customWidth="1"/>
    <col min="13067" max="13067" width="10.109375" style="49" customWidth="1"/>
    <col min="13068" max="13068" width="4.109375" style="49" customWidth="1"/>
    <col min="13069" max="13069" width="10.109375" style="49" customWidth="1"/>
    <col min="13070" max="13070" width="4.109375" style="49" customWidth="1"/>
    <col min="13071" max="13071" width="10.109375" style="49" customWidth="1"/>
    <col min="13072" max="13072" width="4.109375" style="49" customWidth="1"/>
    <col min="13073" max="13073" width="12.6640625" style="49" customWidth="1"/>
    <col min="13074" max="13074" width="1.109375" style="49" customWidth="1"/>
    <col min="13075" max="13309" width="8.88671875" style="49"/>
    <col min="13310" max="13310" width="1.33203125" style="49" customWidth="1"/>
    <col min="13311" max="13318" width="2.88671875" style="49" customWidth="1"/>
    <col min="13319" max="13319" width="10.109375" style="49" customWidth="1"/>
    <col min="13320" max="13320" width="4.109375" style="49" customWidth="1"/>
    <col min="13321" max="13321" width="10.109375" style="49" customWidth="1"/>
    <col min="13322" max="13322" width="4.109375" style="49" customWidth="1"/>
    <col min="13323" max="13323" width="10.109375" style="49" customWidth="1"/>
    <col min="13324" max="13324" width="4.109375" style="49" customWidth="1"/>
    <col min="13325" max="13325" width="10.109375" style="49" customWidth="1"/>
    <col min="13326" max="13326" width="4.109375" style="49" customWidth="1"/>
    <col min="13327" max="13327" width="10.109375" style="49" customWidth="1"/>
    <col min="13328" max="13328" width="4.109375" style="49" customWidth="1"/>
    <col min="13329" max="13329" width="12.6640625" style="49" customWidth="1"/>
    <col min="13330" max="13330" width="1.109375" style="49" customWidth="1"/>
    <col min="13331" max="13565" width="8.88671875" style="49"/>
    <col min="13566" max="13566" width="1.33203125" style="49" customWidth="1"/>
    <col min="13567" max="13574" width="2.88671875" style="49" customWidth="1"/>
    <col min="13575" max="13575" width="10.109375" style="49" customWidth="1"/>
    <col min="13576" max="13576" width="4.109375" style="49" customWidth="1"/>
    <col min="13577" max="13577" width="10.109375" style="49" customWidth="1"/>
    <col min="13578" max="13578" width="4.109375" style="49" customWidth="1"/>
    <col min="13579" max="13579" width="10.109375" style="49" customWidth="1"/>
    <col min="13580" max="13580" width="4.109375" style="49" customWidth="1"/>
    <col min="13581" max="13581" width="10.109375" style="49" customWidth="1"/>
    <col min="13582" max="13582" width="4.109375" style="49" customWidth="1"/>
    <col min="13583" max="13583" width="10.109375" style="49" customWidth="1"/>
    <col min="13584" max="13584" width="4.109375" style="49" customWidth="1"/>
    <col min="13585" max="13585" width="12.6640625" style="49" customWidth="1"/>
    <col min="13586" max="13586" width="1.109375" style="49" customWidth="1"/>
    <col min="13587" max="13821" width="8.88671875" style="49"/>
    <col min="13822" max="13822" width="1.33203125" style="49" customWidth="1"/>
    <col min="13823" max="13830" width="2.88671875" style="49" customWidth="1"/>
    <col min="13831" max="13831" width="10.109375" style="49" customWidth="1"/>
    <col min="13832" max="13832" width="4.109375" style="49" customWidth="1"/>
    <col min="13833" max="13833" width="10.109375" style="49" customWidth="1"/>
    <col min="13834" max="13834" width="4.109375" style="49" customWidth="1"/>
    <col min="13835" max="13835" width="10.109375" style="49" customWidth="1"/>
    <col min="13836" max="13836" width="4.109375" style="49" customWidth="1"/>
    <col min="13837" max="13837" width="10.109375" style="49" customWidth="1"/>
    <col min="13838" max="13838" width="4.109375" style="49" customWidth="1"/>
    <col min="13839" max="13839" width="10.109375" style="49" customWidth="1"/>
    <col min="13840" max="13840" width="4.109375" style="49" customWidth="1"/>
    <col min="13841" max="13841" width="12.6640625" style="49" customWidth="1"/>
    <col min="13842" max="13842" width="1.109375" style="49" customWidth="1"/>
    <col min="13843" max="14077" width="8.88671875" style="49"/>
    <col min="14078" max="14078" width="1.33203125" style="49" customWidth="1"/>
    <col min="14079" max="14086" width="2.88671875" style="49" customWidth="1"/>
    <col min="14087" max="14087" width="10.109375" style="49" customWidth="1"/>
    <col min="14088" max="14088" width="4.109375" style="49" customWidth="1"/>
    <col min="14089" max="14089" width="10.109375" style="49" customWidth="1"/>
    <col min="14090" max="14090" width="4.109375" style="49" customWidth="1"/>
    <col min="14091" max="14091" width="10.109375" style="49" customWidth="1"/>
    <col min="14092" max="14092" width="4.109375" style="49" customWidth="1"/>
    <col min="14093" max="14093" width="10.109375" style="49" customWidth="1"/>
    <col min="14094" max="14094" width="4.109375" style="49" customWidth="1"/>
    <col min="14095" max="14095" width="10.109375" style="49" customWidth="1"/>
    <col min="14096" max="14096" width="4.109375" style="49" customWidth="1"/>
    <col min="14097" max="14097" width="12.6640625" style="49" customWidth="1"/>
    <col min="14098" max="14098" width="1.109375" style="49" customWidth="1"/>
    <col min="14099" max="14333" width="8.88671875" style="49"/>
    <col min="14334" max="14334" width="1.33203125" style="49" customWidth="1"/>
    <col min="14335" max="14342" width="2.88671875" style="49" customWidth="1"/>
    <col min="14343" max="14343" width="10.109375" style="49" customWidth="1"/>
    <col min="14344" max="14344" width="4.109375" style="49" customWidth="1"/>
    <col min="14345" max="14345" width="10.109375" style="49" customWidth="1"/>
    <col min="14346" max="14346" width="4.109375" style="49" customWidth="1"/>
    <col min="14347" max="14347" width="10.109375" style="49" customWidth="1"/>
    <col min="14348" max="14348" width="4.109375" style="49" customWidth="1"/>
    <col min="14349" max="14349" width="10.109375" style="49" customWidth="1"/>
    <col min="14350" max="14350" width="4.109375" style="49" customWidth="1"/>
    <col min="14351" max="14351" width="10.109375" style="49" customWidth="1"/>
    <col min="14352" max="14352" width="4.109375" style="49" customWidth="1"/>
    <col min="14353" max="14353" width="12.6640625" style="49" customWidth="1"/>
    <col min="14354" max="14354" width="1.109375" style="49" customWidth="1"/>
    <col min="14355" max="14589" width="8.88671875" style="49"/>
    <col min="14590" max="14590" width="1.33203125" style="49" customWidth="1"/>
    <col min="14591" max="14598" width="2.88671875" style="49" customWidth="1"/>
    <col min="14599" max="14599" width="10.109375" style="49" customWidth="1"/>
    <col min="14600" max="14600" width="4.109375" style="49" customWidth="1"/>
    <col min="14601" max="14601" width="10.109375" style="49" customWidth="1"/>
    <col min="14602" max="14602" width="4.109375" style="49" customWidth="1"/>
    <col min="14603" max="14603" width="10.109375" style="49" customWidth="1"/>
    <col min="14604" max="14604" width="4.109375" style="49" customWidth="1"/>
    <col min="14605" max="14605" width="10.109375" style="49" customWidth="1"/>
    <col min="14606" max="14606" width="4.109375" style="49" customWidth="1"/>
    <col min="14607" max="14607" width="10.109375" style="49" customWidth="1"/>
    <col min="14608" max="14608" width="4.109375" style="49" customWidth="1"/>
    <col min="14609" max="14609" width="12.6640625" style="49" customWidth="1"/>
    <col min="14610" max="14610" width="1.109375" style="49" customWidth="1"/>
    <col min="14611" max="14845" width="8.88671875" style="49"/>
    <col min="14846" max="14846" width="1.33203125" style="49" customWidth="1"/>
    <col min="14847" max="14854" width="2.88671875" style="49" customWidth="1"/>
    <col min="14855" max="14855" width="10.109375" style="49" customWidth="1"/>
    <col min="14856" max="14856" width="4.109375" style="49" customWidth="1"/>
    <col min="14857" max="14857" width="10.109375" style="49" customWidth="1"/>
    <col min="14858" max="14858" width="4.109375" style="49" customWidth="1"/>
    <col min="14859" max="14859" width="10.109375" style="49" customWidth="1"/>
    <col min="14860" max="14860" width="4.109375" style="49" customWidth="1"/>
    <col min="14861" max="14861" width="10.109375" style="49" customWidth="1"/>
    <col min="14862" max="14862" width="4.109375" style="49" customWidth="1"/>
    <col min="14863" max="14863" width="10.109375" style="49" customWidth="1"/>
    <col min="14864" max="14864" width="4.109375" style="49" customWidth="1"/>
    <col min="14865" max="14865" width="12.6640625" style="49" customWidth="1"/>
    <col min="14866" max="14866" width="1.109375" style="49" customWidth="1"/>
    <col min="14867" max="15101" width="8.88671875" style="49"/>
    <col min="15102" max="15102" width="1.33203125" style="49" customWidth="1"/>
    <col min="15103" max="15110" width="2.88671875" style="49" customWidth="1"/>
    <col min="15111" max="15111" width="10.109375" style="49" customWidth="1"/>
    <col min="15112" max="15112" width="4.109375" style="49" customWidth="1"/>
    <col min="15113" max="15113" width="10.109375" style="49" customWidth="1"/>
    <col min="15114" max="15114" width="4.109375" style="49" customWidth="1"/>
    <col min="15115" max="15115" width="10.109375" style="49" customWidth="1"/>
    <col min="15116" max="15116" width="4.109375" style="49" customWidth="1"/>
    <col min="15117" max="15117" width="10.109375" style="49" customWidth="1"/>
    <col min="15118" max="15118" width="4.109375" style="49" customWidth="1"/>
    <col min="15119" max="15119" width="10.109375" style="49" customWidth="1"/>
    <col min="15120" max="15120" width="4.109375" style="49" customWidth="1"/>
    <col min="15121" max="15121" width="12.6640625" style="49" customWidth="1"/>
    <col min="15122" max="15122" width="1.109375" style="49" customWidth="1"/>
    <col min="15123" max="15357" width="8.88671875" style="49"/>
    <col min="15358" max="15358" width="1.33203125" style="49" customWidth="1"/>
    <col min="15359" max="15366" width="2.88671875" style="49" customWidth="1"/>
    <col min="15367" max="15367" width="10.109375" style="49" customWidth="1"/>
    <col min="15368" max="15368" width="4.109375" style="49" customWidth="1"/>
    <col min="15369" max="15369" width="10.109375" style="49" customWidth="1"/>
    <col min="15370" max="15370" width="4.109375" style="49" customWidth="1"/>
    <col min="15371" max="15371" width="10.109375" style="49" customWidth="1"/>
    <col min="15372" max="15372" width="4.109375" style="49" customWidth="1"/>
    <col min="15373" max="15373" width="10.109375" style="49" customWidth="1"/>
    <col min="15374" max="15374" width="4.109375" style="49" customWidth="1"/>
    <col min="15375" max="15375" width="10.109375" style="49" customWidth="1"/>
    <col min="15376" max="15376" width="4.109375" style="49" customWidth="1"/>
    <col min="15377" max="15377" width="12.6640625" style="49" customWidth="1"/>
    <col min="15378" max="15378" width="1.109375" style="49" customWidth="1"/>
    <col min="15379" max="15613" width="8.88671875" style="49"/>
    <col min="15614" max="15614" width="1.33203125" style="49" customWidth="1"/>
    <col min="15615" max="15622" width="2.88671875" style="49" customWidth="1"/>
    <col min="15623" max="15623" width="10.109375" style="49" customWidth="1"/>
    <col min="15624" max="15624" width="4.109375" style="49" customWidth="1"/>
    <col min="15625" max="15625" width="10.109375" style="49" customWidth="1"/>
    <col min="15626" max="15626" width="4.109375" style="49" customWidth="1"/>
    <col min="15627" max="15627" width="10.109375" style="49" customWidth="1"/>
    <col min="15628" max="15628" width="4.109375" style="49" customWidth="1"/>
    <col min="15629" max="15629" width="10.109375" style="49" customWidth="1"/>
    <col min="15630" max="15630" width="4.109375" style="49" customWidth="1"/>
    <col min="15631" max="15631" width="10.109375" style="49" customWidth="1"/>
    <col min="15632" max="15632" width="4.109375" style="49" customWidth="1"/>
    <col min="15633" max="15633" width="12.6640625" style="49" customWidth="1"/>
    <col min="15634" max="15634" width="1.109375" style="49" customWidth="1"/>
    <col min="15635" max="15869" width="8.88671875" style="49"/>
    <col min="15870" max="15870" width="1.33203125" style="49" customWidth="1"/>
    <col min="15871" max="15878" width="2.88671875" style="49" customWidth="1"/>
    <col min="15879" max="15879" width="10.109375" style="49" customWidth="1"/>
    <col min="15880" max="15880" width="4.109375" style="49" customWidth="1"/>
    <col min="15881" max="15881" width="10.109375" style="49" customWidth="1"/>
    <col min="15882" max="15882" width="4.109375" style="49" customWidth="1"/>
    <col min="15883" max="15883" width="10.109375" style="49" customWidth="1"/>
    <col min="15884" max="15884" width="4.109375" style="49" customWidth="1"/>
    <col min="15885" max="15885" width="10.109375" style="49" customWidth="1"/>
    <col min="15886" max="15886" width="4.109375" style="49" customWidth="1"/>
    <col min="15887" max="15887" width="10.109375" style="49" customWidth="1"/>
    <col min="15888" max="15888" width="4.109375" style="49" customWidth="1"/>
    <col min="15889" max="15889" width="12.6640625" style="49" customWidth="1"/>
    <col min="15890" max="15890" width="1.109375" style="49" customWidth="1"/>
    <col min="15891" max="16125" width="8.88671875" style="49"/>
    <col min="16126" max="16126" width="1.33203125" style="49" customWidth="1"/>
    <col min="16127" max="16134" width="2.88671875" style="49" customWidth="1"/>
    <col min="16135" max="16135" width="10.109375" style="49" customWidth="1"/>
    <col min="16136" max="16136" width="4.109375" style="49" customWidth="1"/>
    <col min="16137" max="16137" width="10.109375" style="49" customWidth="1"/>
    <col min="16138" max="16138" width="4.109375" style="49" customWidth="1"/>
    <col min="16139" max="16139" width="10.109375" style="49" customWidth="1"/>
    <col min="16140" max="16140" width="4.109375" style="49" customWidth="1"/>
    <col min="16141" max="16141" width="10.109375" style="49" customWidth="1"/>
    <col min="16142" max="16142" width="4.109375" style="49" customWidth="1"/>
    <col min="16143" max="16143" width="10.109375" style="49" customWidth="1"/>
    <col min="16144" max="16144" width="4.109375" style="49" customWidth="1"/>
    <col min="16145" max="16145" width="12.6640625" style="49" customWidth="1"/>
    <col min="16146" max="16146" width="1.109375" style="49" customWidth="1"/>
    <col min="16147" max="16384" width="8.88671875" style="49"/>
  </cols>
  <sheetData>
    <row r="1" spans="1:18" ht="18" customHeight="1" x14ac:dyDescent="0.2">
      <c r="A1" s="48" t="s">
        <v>34</v>
      </c>
      <c r="R1" s="50" t="s">
        <v>35</v>
      </c>
    </row>
    <row r="2" spans="1:18" ht="17.25" customHeight="1" x14ac:dyDescent="0.2">
      <c r="A2" s="51"/>
      <c r="B2" s="52"/>
      <c r="C2" s="52"/>
      <c r="D2" s="52"/>
      <c r="E2" s="52"/>
      <c r="F2" s="52"/>
      <c r="G2" s="53"/>
      <c r="H2" s="54"/>
      <c r="I2" s="185" t="s">
        <v>36</v>
      </c>
      <c r="J2" s="186"/>
      <c r="K2" s="185" t="s">
        <v>37</v>
      </c>
      <c r="L2" s="186"/>
      <c r="M2" s="185" t="s">
        <v>38</v>
      </c>
      <c r="N2" s="186"/>
      <c r="O2" s="185" t="s">
        <v>39</v>
      </c>
      <c r="P2" s="186"/>
      <c r="Q2" s="185" t="s">
        <v>40</v>
      </c>
      <c r="R2" s="186"/>
    </row>
    <row r="3" spans="1:18" ht="17.25" customHeight="1" x14ac:dyDescent="0.2">
      <c r="A3" s="55"/>
      <c r="B3" s="56"/>
      <c r="C3" s="56"/>
      <c r="D3" s="56"/>
      <c r="E3" s="56"/>
      <c r="F3" s="56"/>
      <c r="G3" s="57"/>
      <c r="H3" s="58"/>
      <c r="I3" s="59" t="s">
        <v>41</v>
      </c>
      <c r="J3" s="60" t="s">
        <v>42</v>
      </c>
      <c r="K3" s="59" t="s">
        <v>41</v>
      </c>
      <c r="L3" s="60" t="s">
        <v>42</v>
      </c>
      <c r="M3" s="59" t="s">
        <v>41</v>
      </c>
      <c r="N3" s="60" t="s">
        <v>42</v>
      </c>
      <c r="O3" s="59" t="s">
        <v>41</v>
      </c>
      <c r="P3" s="60" t="s">
        <v>42</v>
      </c>
      <c r="Q3" s="59" t="s">
        <v>41</v>
      </c>
      <c r="R3" s="60" t="s">
        <v>42</v>
      </c>
    </row>
    <row r="4" spans="1:18" ht="18" customHeight="1" x14ac:dyDescent="0.2">
      <c r="A4" s="61" t="s">
        <v>43</v>
      </c>
      <c r="B4" s="62"/>
      <c r="C4" s="62"/>
      <c r="D4" s="62"/>
      <c r="E4" s="62"/>
      <c r="F4" s="63"/>
      <c r="G4" s="64"/>
      <c r="H4" s="65"/>
      <c r="I4" s="66"/>
      <c r="J4" s="67">
        <v>100</v>
      </c>
      <c r="K4" s="66"/>
      <c r="L4" s="67">
        <v>100</v>
      </c>
      <c r="M4" s="66"/>
      <c r="N4" s="67">
        <v>100</v>
      </c>
      <c r="O4" s="66"/>
      <c r="P4" s="67">
        <v>100</v>
      </c>
      <c r="Q4" s="66"/>
      <c r="R4" s="67">
        <v>100</v>
      </c>
    </row>
    <row r="5" spans="1:18" ht="18" customHeight="1" x14ac:dyDescent="0.2">
      <c r="A5" s="61" t="s">
        <v>44</v>
      </c>
      <c r="B5" s="62"/>
      <c r="C5" s="62"/>
      <c r="D5" s="62"/>
      <c r="E5" s="62"/>
      <c r="F5" s="63"/>
      <c r="G5" s="64"/>
      <c r="H5" s="65"/>
      <c r="I5" s="66"/>
      <c r="J5" s="68"/>
      <c r="K5" s="66"/>
      <c r="L5" s="68"/>
      <c r="M5" s="66"/>
      <c r="N5" s="68"/>
      <c r="O5" s="66"/>
      <c r="P5" s="68"/>
      <c r="Q5" s="66"/>
      <c r="R5" s="68"/>
    </row>
    <row r="6" spans="1:18" ht="18" customHeight="1" x14ac:dyDescent="0.2">
      <c r="A6" s="61" t="s">
        <v>45</v>
      </c>
      <c r="B6" s="62"/>
      <c r="C6" s="62"/>
      <c r="D6" s="62"/>
      <c r="E6" s="62"/>
      <c r="F6" s="63"/>
      <c r="G6" s="64"/>
      <c r="H6" s="65"/>
      <c r="I6" s="66"/>
      <c r="J6" s="68"/>
      <c r="K6" s="66"/>
      <c r="L6" s="68"/>
      <c r="M6" s="66"/>
      <c r="N6" s="68"/>
      <c r="O6" s="66"/>
      <c r="P6" s="68"/>
      <c r="Q6" s="66"/>
      <c r="R6" s="68"/>
    </row>
    <row r="7" spans="1:18" ht="18" customHeight="1" x14ac:dyDescent="0.2">
      <c r="A7" s="61" t="s">
        <v>46</v>
      </c>
      <c r="B7" s="62"/>
      <c r="C7" s="62"/>
      <c r="D7" s="62"/>
      <c r="E7" s="62"/>
      <c r="F7" s="63"/>
      <c r="G7" s="64"/>
      <c r="H7" s="65"/>
      <c r="I7" s="69"/>
      <c r="J7" s="68"/>
      <c r="K7" s="69"/>
      <c r="L7" s="68"/>
      <c r="M7" s="69"/>
      <c r="N7" s="68"/>
      <c r="O7" s="69"/>
      <c r="P7" s="68"/>
      <c r="Q7" s="69"/>
      <c r="R7" s="68"/>
    </row>
    <row r="8" spans="1:18" ht="18" customHeight="1" x14ac:dyDescent="0.2">
      <c r="A8" s="61" t="s">
        <v>47</v>
      </c>
      <c r="B8" s="62"/>
      <c r="C8" s="62"/>
      <c r="D8" s="62"/>
      <c r="E8" s="62"/>
      <c r="F8" s="63"/>
      <c r="G8" s="64"/>
      <c r="H8" s="65"/>
      <c r="I8" s="66"/>
      <c r="J8" s="68"/>
      <c r="K8" s="66"/>
      <c r="L8" s="68"/>
      <c r="M8" s="66"/>
      <c r="N8" s="68"/>
      <c r="O8" s="66"/>
      <c r="P8" s="68"/>
      <c r="Q8" s="66"/>
      <c r="R8" s="68"/>
    </row>
    <row r="9" spans="1:18" ht="18" customHeight="1" x14ac:dyDescent="0.2">
      <c r="A9" s="61" t="s">
        <v>45</v>
      </c>
      <c r="B9" s="62"/>
      <c r="C9" s="62"/>
      <c r="D9" s="62"/>
      <c r="E9" s="62"/>
      <c r="F9" s="63"/>
      <c r="G9" s="64"/>
      <c r="H9" s="65"/>
      <c r="I9" s="66"/>
      <c r="J9" s="68"/>
      <c r="K9" s="66"/>
      <c r="L9" s="68"/>
      <c r="M9" s="66"/>
      <c r="N9" s="68"/>
      <c r="O9" s="66"/>
      <c r="P9" s="68"/>
      <c r="Q9" s="66"/>
      <c r="R9" s="68"/>
    </row>
    <row r="10" spans="1:18" ht="18" customHeight="1" x14ac:dyDescent="0.2">
      <c r="A10" s="61" t="s">
        <v>48</v>
      </c>
      <c r="B10" s="62"/>
      <c r="C10" s="62"/>
      <c r="D10" s="62"/>
      <c r="E10" s="62"/>
      <c r="F10" s="63"/>
      <c r="G10" s="64"/>
      <c r="H10" s="65"/>
      <c r="I10" s="69"/>
      <c r="J10" s="68"/>
      <c r="K10" s="69"/>
      <c r="L10" s="68"/>
      <c r="M10" s="69"/>
      <c r="N10" s="68"/>
      <c r="O10" s="69"/>
      <c r="P10" s="68"/>
      <c r="Q10" s="69"/>
      <c r="R10" s="68"/>
    </row>
    <row r="11" spans="1:18" ht="18" customHeight="1" x14ac:dyDescent="0.2">
      <c r="A11" s="61" t="s">
        <v>49</v>
      </c>
      <c r="B11" s="62"/>
      <c r="C11" s="62"/>
      <c r="D11" s="62"/>
      <c r="E11" s="62"/>
      <c r="F11" s="63"/>
      <c r="G11" s="63"/>
      <c r="H11" s="70"/>
      <c r="I11" s="66"/>
      <c r="J11" s="68"/>
      <c r="K11" s="66"/>
      <c r="L11" s="68"/>
      <c r="M11" s="66"/>
      <c r="N11" s="68"/>
      <c r="O11" s="66"/>
      <c r="P11" s="68"/>
      <c r="Q11" s="66"/>
      <c r="R11" s="68"/>
    </row>
    <row r="12" spans="1:18" ht="18" customHeight="1" x14ac:dyDescent="0.2">
      <c r="A12" s="61" t="s">
        <v>50</v>
      </c>
      <c r="B12" s="62"/>
      <c r="C12" s="62"/>
      <c r="D12" s="62"/>
      <c r="E12" s="62"/>
      <c r="F12" s="63"/>
      <c r="G12" s="63"/>
      <c r="H12" s="70"/>
      <c r="I12" s="66"/>
      <c r="J12" s="68"/>
      <c r="K12" s="66"/>
      <c r="L12" s="68"/>
      <c r="M12" s="66"/>
      <c r="N12" s="68"/>
      <c r="O12" s="66"/>
      <c r="P12" s="68"/>
      <c r="Q12" s="66"/>
      <c r="R12" s="68"/>
    </row>
    <row r="13" spans="1:18" ht="18" customHeight="1" x14ac:dyDescent="0.2">
      <c r="A13" s="61" t="s">
        <v>51</v>
      </c>
      <c r="B13" s="62"/>
      <c r="C13" s="62"/>
      <c r="D13" s="62"/>
      <c r="E13" s="62"/>
      <c r="F13" s="63"/>
      <c r="G13" s="63"/>
      <c r="H13" s="70"/>
      <c r="I13" s="66"/>
      <c r="J13" s="68"/>
      <c r="K13" s="66"/>
      <c r="L13" s="68"/>
      <c r="M13" s="66"/>
      <c r="N13" s="68"/>
      <c r="O13" s="66"/>
      <c r="P13" s="68"/>
      <c r="Q13" s="66"/>
      <c r="R13" s="68"/>
    </row>
    <row r="14" spans="1:18" ht="18" customHeight="1" x14ac:dyDescent="0.2">
      <c r="A14" s="61" t="s">
        <v>52</v>
      </c>
      <c r="B14" s="62"/>
      <c r="C14" s="62"/>
      <c r="D14" s="62"/>
      <c r="E14" s="62"/>
      <c r="F14" s="63"/>
      <c r="G14" s="64"/>
      <c r="H14" s="64"/>
      <c r="I14" s="69"/>
      <c r="J14" s="68"/>
      <c r="K14" s="69"/>
      <c r="L14" s="68"/>
      <c r="M14" s="69"/>
      <c r="N14" s="68"/>
      <c r="O14" s="69"/>
      <c r="P14" s="68"/>
      <c r="Q14" s="69"/>
      <c r="R14" s="68"/>
    </row>
    <row r="15" spans="1:18" ht="18" customHeight="1" x14ac:dyDescent="0.2">
      <c r="A15" s="61" t="s">
        <v>53</v>
      </c>
      <c r="B15" s="62"/>
      <c r="C15" s="62"/>
      <c r="D15" s="62"/>
      <c r="E15" s="62"/>
      <c r="F15" s="63"/>
      <c r="G15" s="63"/>
      <c r="H15" s="63"/>
      <c r="I15" s="66"/>
      <c r="J15" s="68"/>
      <c r="K15" s="66"/>
      <c r="L15" s="68"/>
      <c r="M15" s="66"/>
      <c r="N15" s="68"/>
      <c r="O15" s="66"/>
      <c r="P15" s="68"/>
      <c r="Q15" s="66"/>
      <c r="R15" s="68"/>
    </row>
    <row r="16" spans="1:18" ht="18" customHeight="1" x14ac:dyDescent="0.2">
      <c r="A16" s="61" t="s">
        <v>54</v>
      </c>
      <c r="B16" s="62"/>
      <c r="C16" s="62"/>
      <c r="D16" s="62"/>
      <c r="E16" s="62"/>
      <c r="F16" s="63"/>
      <c r="G16" s="63"/>
      <c r="H16" s="63"/>
      <c r="I16" s="66"/>
      <c r="J16" s="68"/>
      <c r="K16" s="66"/>
      <c r="L16" s="68"/>
      <c r="M16" s="66"/>
      <c r="N16" s="68"/>
      <c r="O16" s="66"/>
      <c r="P16" s="68"/>
      <c r="Q16" s="66"/>
      <c r="R16" s="68"/>
    </row>
    <row r="17" spans="1:18" ht="18" customHeight="1" x14ac:dyDescent="0.2">
      <c r="A17" s="61" t="s">
        <v>55</v>
      </c>
      <c r="B17" s="62"/>
      <c r="C17" s="62"/>
      <c r="D17" s="62"/>
      <c r="E17" s="62"/>
      <c r="F17" s="63"/>
      <c r="G17" s="63"/>
      <c r="H17" s="63"/>
      <c r="I17" s="71"/>
      <c r="J17" s="68"/>
      <c r="K17" s="71"/>
      <c r="L17" s="68"/>
      <c r="M17" s="71"/>
      <c r="N17" s="68"/>
      <c r="O17" s="71"/>
      <c r="P17" s="68"/>
      <c r="Q17" s="71"/>
      <c r="R17" s="68"/>
    </row>
    <row r="18" spans="1:18" ht="12" customHeight="1" thickBot="1" x14ac:dyDescent="0.25">
      <c r="A18" s="72"/>
      <c r="B18" s="72"/>
      <c r="C18" s="72"/>
      <c r="D18" s="72"/>
      <c r="E18" s="72"/>
      <c r="F18" s="72"/>
      <c r="G18" s="72"/>
      <c r="H18" s="72"/>
      <c r="I18" s="73"/>
      <c r="J18" s="73"/>
      <c r="K18" s="73"/>
      <c r="L18" s="73"/>
      <c r="M18" s="73"/>
      <c r="N18" s="73"/>
      <c r="O18" s="73"/>
      <c r="P18" s="73"/>
      <c r="Q18" s="73"/>
      <c r="R18" s="73"/>
    </row>
    <row r="19" spans="1:18" ht="18" customHeight="1" thickBot="1" x14ac:dyDescent="0.25">
      <c r="A19" s="74" t="s">
        <v>56</v>
      </c>
      <c r="B19" s="75"/>
      <c r="C19" s="75"/>
      <c r="D19" s="75"/>
      <c r="E19" s="75"/>
      <c r="F19" s="75"/>
      <c r="G19" s="75"/>
      <c r="H19" s="75"/>
      <c r="I19" s="76"/>
      <c r="J19" s="77"/>
      <c r="K19" s="76"/>
      <c r="L19" s="77"/>
      <c r="M19" s="76"/>
      <c r="N19" s="77"/>
      <c r="O19" s="76"/>
      <c r="P19" s="77"/>
      <c r="Q19" s="76"/>
      <c r="R19" s="78"/>
    </row>
    <row r="20" spans="1:18" ht="15" customHeight="1" x14ac:dyDescent="0.2">
      <c r="A20" s="73"/>
      <c r="B20" s="79"/>
      <c r="C20" s="73"/>
      <c r="D20" s="73"/>
      <c r="E20" s="73"/>
      <c r="F20" s="73"/>
      <c r="G20" s="73"/>
      <c r="H20" s="73"/>
      <c r="I20" s="73"/>
      <c r="J20" s="73"/>
      <c r="K20" s="73"/>
      <c r="L20" s="73"/>
      <c r="M20" s="73"/>
      <c r="N20" s="73"/>
      <c r="O20" s="73"/>
      <c r="P20" s="73"/>
      <c r="Q20" s="73"/>
      <c r="R20" s="73"/>
    </row>
    <row r="21" spans="1:18" ht="18" customHeight="1" x14ac:dyDescent="0.2">
      <c r="A21" s="48" t="s">
        <v>57</v>
      </c>
      <c r="B21" s="73"/>
      <c r="C21" s="73"/>
      <c r="D21" s="73"/>
      <c r="E21" s="73"/>
      <c r="F21" s="73"/>
      <c r="G21" s="73"/>
      <c r="H21" s="73"/>
      <c r="I21" s="73"/>
      <c r="J21" s="73"/>
      <c r="K21" s="73"/>
      <c r="L21" s="73"/>
      <c r="M21" s="73"/>
      <c r="N21" s="73"/>
      <c r="O21" s="73"/>
      <c r="P21" s="73"/>
      <c r="Q21" s="73"/>
      <c r="R21" s="50" t="s">
        <v>58</v>
      </c>
    </row>
    <row r="22" spans="1:18" ht="17.25" customHeight="1" x14ac:dyDescent="0.2">
      <c r="A22" s="189" t="s">
        <v>59</v>
      </c>
      <c r="B22" s="190"/>
      <c r="C22" s="190"/>
      <c r="D22" s="190"/>
      <c r="E22" s="190"/>
      <c r="F22" s="190"/>
      <c r="G22" s="190"/>
      <c r="H22" s="191"/>
      <c r="I22" s="185" t="s">
        <v>36</v>
      </c>
      <c r="J22" s="186"/>
      <c r="K22" s="185" t="s">
        <v>37</v>
      </c>
      <c r="L22" s="186"/>
      <c r="M22" s="185" t="s">
        <v>38</v>
      </c>
      <c r="N22" s="186"/>
      <c r="O22" s="185" t="s">
        <v>39</v>
      </c>
      <c r="P22" s="186"/>
      <c r="Q22" s="185" t="s">
        <v>60</v>
      </c>
      <c r="R22" s="186"/>
    </row>
    <row r="23" spans="1:18" ht="17.25" customHeight="1" x14ac:dyDescent="0.2">
      <c r="A23" s="192"/>
      <c r="B23" s="193"/>
      <c r="C23" s="193"/>
      <c r="D23" s="193"/>
      <c r="E23" s="193"/>
      <c r="F23" s="193"/>
      <c r="G23" s="193"/>
      <c r="H23" s="194"/>
      <c r="I23" s="187" t="str">
        <f>I3</f>
        <v>　／　期</v>
      </c>
      <c r="J23" s="188"/>
      <c r="K23" s="187" t="str">
        <f t="shared" ref="K23" si="0">K3</f>
        <v>　／　期</v>
      </c>
      <c r="L23" s="188"/>
      <c r="M23" s="187" t="str">
        <f t="shared" ref="M23" si="1">M3</f>
        <v>　／　期</v>
      </c>
      <c r="N23" s="188"/>
      <c r="O23" s="187" t="str">
        <f>O3</f>
        <v>　／　期</v>
      </c>
      <c r="P23" s="188"/>
      <c r="Q23" s="187" t="str">
        <f>Q3</f>
        <v>　／　期</v>
      </c>
      <c r="R23" s="188"/>
    </row>
    <row r="24" spans="1:18" ht="18" customHeight="1" x14ac:dyDescent="0.2">
      <c r="A24" s="180"/>
      <c r="B24" s="181"/>
      <c r="C24" s="181"/>
      <c r="D24" s="181"/>
      <c r="E24" s="181"/>
      <c r="F24" s="181"/>
      <c r="G24" s="181"/>
      <c r="H24" s="182"/>
      <c r="I24" s="183"/>
      <c r="J24" s="184"/>
      <c r="K24" s="183"/>
      <c r="L24" s="184"/>
      <c r="M24" s="183"/>
      <c r="N24" s="184"/>
      <c r="O24" s="183"/>
      <c r="P24" s="184"/>
      <c r="Q24" s="183"/>
      <c r="R24" s="184"/>
    </row>
    <row r="25" spans="1:18" ht="18" customHeight="1" x14ac:dyDescent="0.2">
      <c r="A25" s="180"/>
      <c r="B25" s="181"/>
      <c r="C25" s="181"/>
      <c r="D25" s="181"/>
      <c r="E25" s="181"/>
      <c r="F25" s="181"/>
      <c r="G25" s="181"/>
      <c r="H25" s="182"/>
      <c r="I25" s="183"/>
      <c r="J25" s="184"/>
      <c r="K25" s="183"/>
      <c r="L25" s="184"/>
      <c r="M25" s="183"/>
      <c r="N25" s="184"/>
      <c r="O25" s="183"/>
      <c r="P25" s="184"/>
      <c r="Q25" s="183"/>
      <c r="R25" s="184"/>
    </row>
    <row r="26" spans="1:18" ht="18" customHeight="1" x14ac:dyDescent="0.2">
      <c r="A26" s="180"/>
      <c r="B26" s="181"/>
      <c r="C26" s="181"/>
      <c r="D26" s="181"/>
      <c r="E26" s="181"/>
      <c r="F26" s="181"/>
      <c r="G26" s="181"/>
      <c r="H26" s="182"/>
      <c r="I26" s="183"/>
      <c r="J26" s="184"/>
      <c r="K26" s="183"/>
      <c r="L26" s="184"/>
      <c r="M26" s="183"/>
      <c r="N26" s="184"/>
      <c r="O26" s="183"/>
      <c r="P26" s="184"/>
      <c r="Q26" s="183"/>
      <c r="R26" s="184"/>
    </row>
    <row r="27" spans="1:18" ht="18" customHeight="1" thickBot="1" x14ac:dyDescent="0.25">
      <c r="A27" s="180"/>
      <c r="B27" s="181"/>
      <c r="C27" s="181"/>
      <c r="D27" s="181"/>
      <c r="E27" s="181"/>
      <c r="F27" s="181"/>
      <c r="G27" s="181"/>
      <c r="H27" s="182"/>
      <c r="I27" s="183"/>
      <c r="J27" s="184"/>
      <c r="K27" s="183"/>
      <c r="L27" s="184"/>
      <c r="M27" s="183"/>
      <c r="N27" s="184"/>
      <c r="O27" s="183"/>
      <c r="P27" s="184"/>
      <c r="Q27" s="183"/>
      <c r="R27" s="184"/>
    </row>
    <row r="28" spans="1:18" ht="18" customHeight="1" thickBot="1" x14ac:dyDescent="0.25">
      <c r="A28" s="174" t="s">
        <v>61</v>
      </c>
      <c r="B28" s="175"/>
      <c r="C28" s="175"/>
      <c r="D28" s="175"/>
      <c r="E28" s="175"/>
      <c r="F28" s="175"/>
      <c r="G28" s="175"/>
      <c r="H28" s="176"/>
      <c r="I28" s="177"/>
      <c r="J28" s="178"/>
      <c r="K28" s="177"/>
      <c r="L28" s="178"/>
      <c r="M28" s="177"/>
      <c r="N28" s="178"/>
      <c r="O28" s="177"/>
      <c r="P28" s="178"/>
      <c r="Q28" s="177"/>
      <c r="R28" s="179"/>
    </row>
    <row r="29" spans="1:18" ht="18" customHeight="1" x14ac:dyDescent="0.2">
      <c r="A29" s="80"/>
      <c r="B29" s="81" t="s">
        <v>62</v>
      </c>
      <c r="C29" s="82"/>
      <c r="D29" s="82"/>
      <c r="E29" s="82"/>
      <c r="F29" s="82"/>
      <c r="G29" s="82"/>
      <c r="H29" s="83"/>
      <c r="I29" s="169"/>
      <c r="J29" s="170"/>
      <c r="K29" s="171"/>
      <c r="L29" s="172"/>
      <c r="M29" s="171"/>
      <c r="N29" s="172"/>
      <c r="O29" s="171"/>
      <c r="P29" s="172"/>
      <c r="Q29" s="171"/>
      <c r="R29" s="172"/>
    </row>
    <row r="30" spans="1:18" ht="15" customHeight="1" x14ac:dyDescent="0.2">
      <c r="A30" s="73"/>
      <c r="B30" s="73"/>
      <c r="C30" s="73"/>
      <c r="D30" s="73"/>
      <c r="E30" s="73"/>
      <c r="F30" s="73"/>
      <c r="G30" s="73"/>
      <c r="H30" s="73"/>
      <c r="I30" s="73"/>
      <c r="J30" s="73"/>
      <c r="K30" s="73"/>
      <c r="L30" s="73"/>
      <c r="M30" s="73"/>
      <c r="N30" s="73"/>
      <c r="O30" s="73"/>
      <c r="P30" s="73"/>
      <c r="Q30" s="73"/>
      <c r="R30" s="73"/>
    </row>
    <row r="31" spans="1:18" ht="18" customHeight="1" x14ac:dyDescent="0.2">
      <c r="A31" s="48" t="s">
        <v>63</v>
      </c>
      <c r="B31" s="84"/>
      <c r="C31" s="73"/>
      <c r="D31" s="73"/>
      <c r="E31" s="73"/>
      <c r="F31" s="73"/>
      <c r="G31" s="73"/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</row>
    <row r="32" spans="1:18" ht="18" customHeight="1" x14ac:dyDescent="0.2">
      <c r="A32" s="85" t="s">
        <v>64</v>
      </c>
      <c r="B32" s="84"/>
      <c r="C32" s="73"/>
      <c r="D32" s="73"/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50"/>
      <c r="Q32" s="73"/>
      <c r="R32" s="73"/>
    </row>
    <row r="33" spans="1:18" ht="18" customHeight="1" x14ac:dyDescent="0.2">
      <c r="A33" s="173" t="s">
        <v>65</v>
      </c>
      <c r="B33" s="173"/>
      <c r="C33" s="173"/>
      <c r="D33" s="173"/>
      <c r="E33" s="173"/>
      <c r="F33" s="173"/>
      <c r="G33" s="173"/>
      <c r="H33" s="173"/>
      <c r="I33" s="173" t="s">
        <v>66</v>
      </c>
      <c r="J33" s="173"/>
      <c r="K33" s="173" t="s">
        <v>67</v>
      </c>
      <c r="L33" s="173"/>
      <c r="M33" s="173" t="s">
        <v>68</v>
      </c>
      <c r="N33" s="173"/>
      <c r="O33" s="173"/>
      <c r="P33" s="173"/>
      <c r="Q33" s="73"/>
      <c r="R33" s="73"/>
    </row>
    <row r="34" spans="1:18" ht="18" customHeight="1" x14ac:dyDescent="0.2">
      <c r="A34" s="162"/>
      <c r="B34" s="162"/>
      <c r="C34" s="162"/>
      <c r="D34" s="162"/>
      <c r="E34" s="162"/>
      <c r="F34" s="162"/>
      <c r="G34" s="162"/>
      <c r="H34" s="162"/>
      <c r="I34" s="163"/>
      <c r="J34" s="163"/>
      <c r="K34" s="86"/>
      <c r="L34" s="87" t="s">
        <v>1</v>
      </c>
      <c r="M34" s="162" t="s">
        <v>69</v>
      </c>
      <c r="N34" s="162"/>
      <c r="O34" s="162"/>
      <c r="P34" s="162"/>
      <c r="Q34" s="73"/>
      <c r="R34" s="73"/>
    </row>
    <row r="35" spans="1:18" ht="18" customHeight="1" x14ac:dyDescent="0.2">
      <c r="A35" s="162"/>
      <c r="B35" s="162"/>
      <c r="C35" s="162"/>
      <c r="D35" s="162"/>
      <c r="E35" s="162"/>
      <c r="F35" s="162"/>
      <c r="G35" s="162"/>
      <c r="H35" s="162"/>
      <c r="I35" s="163"/>
      <c r="J35" s="163"/>
      <c r="K35" s="86"/>
      <c r="L35" s="87" t="s">
        <v>1</v>
      </c>
      <c r="M35" s="162"/>
      <c r="N35" s="162"/>
      <c r="O35" s="162"/>
      <c r="P35" s="162"/>
      <c r="Q35" s="73"/>
      <c r="R35" s="73"/>
    </row>
    <row r="36" spans="1:18" ht="18" customHeight="1" x14ac:dyDescent="0.2">
      <c r="A36" s="162"/>
      <c r="B36" s="162"/>
      <c r="C36" s="162"/>
      <c r="D36" s="162"/>
      <c r="E36" s="162"/>
      <c r="F36" s="162"/>
      <c r="G36" s="162"/>
      <c r="H36" s="162"/>
      <c r="I36" s="163"/>
      <c r="J36" s="163"/>
      <c r="K36" s="86"/>
      <c r="L36" s="87" t="s">
        <v>1</v>
      </c>
      <c r="M36" s="162"/>
      <c r="N36" s="162"/>
      <c r="O36" s="162"/>
      <c r="P36" s="162"/>
      <c r="Q36" s="73"/>
      <c r="R36" s="73"/>
    </row>
    <row r="37" spans="1:18" ht="18" customHeight="1" thickBot="1" x14ac:dyDescent="0.25">
      <c r="A37" s="164" t="s">
        <v>70</v>
      </c>
      <c r="B37" s="164"/>
      <c r="C37" s="164"/>
      <c r="D37" s="164"/>
      <c r="E37" s="164"/>
      <c r="F37" s="164"/>
      <c r="G37" s="164"/>
      <c r="H37" s="164"/>
      <c r="I37" s="165"/>
      <c r="J37" s="165"/>
      <c r="K37" s="166" t="s">
        <v>71</v>
      </c>
      <c r="L37" s="167"/>
      <c r="M37" s="168"/>
      <c r="N37" s="168"/>
      <c r="O37" s="168"/>
      <c r="P37" s="168"/>
      <c r="Q37" s="73"/>
      <c r="R37" s="73"/>
    </row>
    <row r="38" spans="1:18" ht="18" customHeight="1" thickTop="1" x14ac:dyDescent="0.2">
      <c r="A38" s="151" t="s">
        <v>72</v>
      </c>
      <c r="B38" s="151"/>
      <c r="C38" s="151"/>
      <c r="D38" s="151"/>
      <c r="E38" s="151"/>
      <c r="F38" s="151"/>
      <c r="G38" s="151"/>
      <c r="H38" s="151"/>
      <c r="I38" s="152"/>
      <c r="J38" s="152"/>
      <c r="K38" s="153" t="s">
        <v>71</v>
      </c>
      <c r="L38" s="154"/>
      <c r="M38" s="155"/>
      <c r="N38" s="155"/>
      <c r="O38" s="155"/>
      <c r="P38" s="155"/>
      <c r="Q38" s="73"/>
      <c r="R38" s="73"/>
    </row>
    <row r="39" spans="1:18" ht="15" customHeight="1" x14ac:dyDescent="0.2">
      <c r="A39" s="48"/>
      <c r="B39" s="84"/>
      <c r="C39" s="73"/>
      <c r="D39" s="73"/>
      <c r="E39" s="73"/>
      <c r="F39" s="73"/>
      <c r="G39" s="73"/>
      <c r="H39" s="73"/>
      <c r="I39" s="73"/>
      <c r="J39" s="73"/>
      <c r="K39" s="73"/>
      <c r="L39" s="73"/>
      <c r="M39" s="73"/>
      <c r="N39" s="73"/>
      <c r="O39" s="73"/>
      <c r="P39" s="73"/>
      <c r="Q39" s="73"/>
      <c r="R39" s="73"/>
    </row>
    <row r="40" spans="1:18" ht="18" customHeight="1" x14ac:dyDescent="0.2">
      <c r="A40" s="85" t="s">
        <v>73</v>
      </c>
      <c r="B40" s="84"/>
      <c r="C40" s="73"/>
      <c r="D40" s="73"/>
      <c r="E40" s="73"/>
      <c r="F40" s="73"/>
      <c r="G40" s="73"/>
      <c r="H40" s="73"/>
      <c r="I40" s="73"/>
      <c r="J40" s="73"/>
      <c r="K40" s="73"/>
      <c r="L40" s="73"/>
      <c r="M40" s="73"/>
      <c r="N40" s="73"/>
      <c r="O40" s="73"/>
      <c r="P40" s="73"/>
      <c r="Q40" s="73"/>
      <c r="R40" s="73"/>
    </row>
    <row r="41" spans="1:18" ht="18" customHeight="1" x14ac:dyDescent="0.2">
      <c r="A41" s="88"/>
      <c r="B41" s="89" t="s">
        <v>74</v>
      </c>
      <c r="C41" s="90"/>
      <c r="D41" s="90"/>
      <c r="E41" s="90"/>
      <c r="F41" s="90"/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1"/>
    </row>
    <row r="42" spans="1:18" ht="18" customHeight="1" x14ac:dyDescent="0.2">
      <c r="A42" s="156"/>
      <c r="B42" s="157"/>
      <c r="C42" s="157"/>
      <c r="D42" s="157"/>
      <c r="E42" s="157"/>
      <c r="F42" s="157"/>
      <c r="G42" s="157"/>
      <c r="H42" s="157"/>
      <c r="I42" s="157"/>
      <c r="J42" s="157"/>
      <c r="K42" s="157"/>
      <c r="L42" s="157"/>
      <c r="M42" s="157"/>
      <c r="N42" s="157"/>
      <c r="O42" s="157"/>
      <c r="P42" s="157"/>
      <c r="Q42" s="157"/>
      <c r="R42" s="158"/>
    </row>
    <row r="43" spans="1:18" ht="18" customHeight="1" x14ac:dyDescent="0.2">
      <c r="A43" s="156"/>
      <c r="B43" s="157"/>
      <c r="C43" s="157"/>
      <c r="D43" s="157"/>
      <c r="E43" s="157"/>
      <c r="F43" s="157"/>
      <c r="G43" s="157"/>
      <c r="H43" s="157"/>
      <c r="I43" s="157"/>
      <c r="J43" s="157"/>
      <c r="K43" s="157"/>
      <c r="L43" s="157"/>
      <c r="M43" s="157"/>
      <c r="N43" s="157"/>
      <c r="O43" s="157"/>
      <c r="P43" s="157"/>
      <c r="Q43" s="157"/>
      <c r="R43" s="158"/>
    </row>
    <row r="44" spans="1:18" ht="18" customHeight="1" x14ac:dyDescent="0.2">
      <c r="A44" s="159"/>
      <c r="B44" s="160"/>
      <c r="C44" s="160"/>
      <c r="D44" s="160"/>
      <c r="E44" s="160"/>
      <c r="F44" s="160"/>
      <c r="G44" s="160"/>
      <c r="H44" s="160"/>
      <c r="I44" s="160"/>
      <c r="J44" s="160"/>
      <c r="K44" s="160"/>
      <c r="L44" s="160"/>
      <c r="M44" s="160"/>
      <c r="N44" s="160"/>
      <c r="O44" s="160"/>
      <c r="P44" s="160"/>
      <c r="Q44" s="160"/>
      <c r="R44" s="161"/>
    </row>
    <row r="45" spans="1:18" ht="12" customHeight="1" x14ac:dyDescent="0.2"/>
  </sheetData>
  <sheetProtection selectLockedCells="1"/>
  <mergeCells count="73">
    <mergeCell ref="A22:H23"/>
    <mergeCell ref="I22:J22"/>
    <mergeCell ref="K22:L22"/>
    <mergeCell ref="M22:N22"/>
    <mergeCell ref="O22:P22"/>
    <mergeCell ref="I2:J2"/>
    <mergeCell ref="K2:L2"/>
    <mergeCell ref="M2:N2"/>
    <mergeCell ref="O2:P2"/>
    <mergeCell ref="Q2:R2"/>
    <mergeCell ref="Q24:R24"/>
    <mergeCell ref="Q22:R22"/>
    <mergeCell ref="I23:J23"/>
    <mergeCell ref="K23:L23"/>
    <mergeCell ref="M23:N23"/>
    <mergeCell ref="O23:P23"/>
    <mergeCell ref="Q23:R23"/>
    <mergeCell ref="A24:H24"/>
    <mergeCell ref="I24:J24"/>
    <mergeCell ref="K24:L24"/>
    <mergeCell ref="M24:N24"/>
    <mergeCell ref="O24:P24"/>
    <mergeCell ref="Q26:R26"/>
    <mergeCell ref="A25:H25"/>
    <mergeCell ref="I25:J25"/>
    <mergeCell ref="K25:L25"/>
    <mergeCell ref="M25:N25"/>
    <mergeCell ref="O25:P25"/>
    <mergeCell ref="Q25:R25"/>
    <mergeCell ref="A26:H26"/>
    <mergeCell ref="I26:J26"/>
    <mergeCell ref="K26:L26"/>
    <mergeCell ref="M26:N26"/>
    <mergeCell ref="O26:P26"/>
    <mergeCell ref="Q28:R28"/>
    <mergeCell ref="A27:H27"/>
    <mergeCell ref="I27:J27"/>
    <mergeCell ref="K27:L27"/>
    <mergeCell ref="M27:N27"/>
    <mergeCell ref="O27:P27"/>
    <mergeCell ref="Q27:R27"/>
    <mergeCell ref="A33:H33"/>
    <mergeCell ref="I33:J33"/>
    <mergeCell ref="K33:L33"/>
    <mergeCell ref="M33:P33"/>
    <mergeCell ref="A28:H28"/>
    <mergeCell ref="I28:J28"/>
    <mergeCell ref="K28:L28"/>
    <mergeCell ref="M28:N28"/>
    <mergeCell ref="O28:P28"/>
    <mergeCell ref="I29:J29"/>
    <mergeCell ref="K29:L29"/>
    <mergeCell ref="M29:N29"/>
    <mergeCell ref="O29:P29"/>
    <mergeCell ref="Q29:R29"/>
    <mergeCell ref="A34:H34"/>
    <mergeCell ref="I34:J34"/>
    <mergeCell ref="M34:P34"/>
    <mergeCell ref="A35:H35"/>
    <mergeCell ref="I35:J35"/>
    <mergeCell ref="M35:P35"/>
    <mergeCell ref="A36:H36"/>
    <mergeCell ref="I36:J36"/>
    <mergeCell ref="M36:P36"/>
    <mergeCell ref="A37:H37"/>
    <mergeCell ref="I37:J37"/>
    <mergeCell ref="K37:L37"/>
    <mergeCell ref="M37:P37"/>
    <mergeCell ref="A38:H38"/>
    <mergeCell ref="I38:J38"/>
    <mergeCell ref="K38:L38"/>
    <mergeCell ref="M38:P38"/>
    <mergeCell ref="A42:R44"/>
  </mergeCells>
  <phoneticPr fontId="3"/>
  <pageMargins left="0.59055118110236227" right="0.51181102362204722" top="0.55118110236220474" bottom="0.55118110236220474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0</xdr:col>
                    <xdr:colOff>0</xdr:colOff>
                    <xdr:row>45</xdr:row>
                    <xdr:rowOff>0</xdr:rowOff>
                  </from>
                  <to>
                    <xdr:col>1</xdr:col>
                    <xdr:colOff>30480</xdr:colOff>
                    <xdr:row>46</xdr:row>
                    <xdr:rowOff>1219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2</xdr:col>
                    <xdr:colOff>457200</xdr:colOff>
                    <xdr:row>45</xdr:row>
                    <xdr:rowOff>0</xdr:rowOff>
                  </from>
                  <to>
                    <xdr:col>13</xdr:col>
                    <xdr:colOff>0</xdr:colOff>
                    <xdr:row>46</xdr:row>
                    <xdr:rowOff>1219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0</xdr:col>
                    <xdr:colOff>0</xdr:colOff>
                    <xdr:row>45</xdr:row>
                    <xdr:rowOff>0</xdr:rowOff>
                  </from>
                  <to>
                    <xdr:col>1</xdr:col>
                    <xdr:colOff>30480</xdr:colOff>
                    <xdr:row>46</xdr:row>
                    <xdr:rowOff>1219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2</xdr:col>
                    <xdr:colOff>457200</xdr:colOff>
                    <xdr:row>45</xdr:row>
                    <xdr:rowOff>0</xdr:rowOff>
                  </from>
                  <to>
                    <xdr:col>13</xdr:col>
                    <xdr:colOff>0</xdr:colOff>
                    <xdr:row>46</xdr:row>
                    <xdr:rowOff>12192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14-2事業計画 (ポスト)</vt:lpstr>
      <vt:lpstr>様式14-2数値計画 (ポスト)</vt:lpstr>
      <vt:lpstr>'様式14-2事業計画 (ポスト)'!Print_Area</vt:lpstr>
      <vt:lpstr>'様式14-2数値計画 (ポスト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6-02-19T00:27:15Z</cp:lastPrinted>
  <dcterms:created xsi:type="dcterms:W3CDTF">2020-02-19T07:41:36Z</dcterms:created>
  <dcterms:modified xsi:type="dcterms:W3CDTF">2026-02-19T00:27:34Z</dcterms:modified>
</cp:coreProperties>
</file>